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669" r:id="rId19"/>
  </p:sldMasterIdLst>
  <p:notesMasterIdLst>
    <p:notesMasterId r:id="rId26"/>
  </p:notesMasterIdLst>
  <p:handoutMasterIdLst>
    <p:handoutMasterId r:id="rId27"/>
  </p:handoutMasterIdLst>
  <p:sldIdLst>
    <p:sldId id="262" r:id="rId20"/>
    <p:sldId id="263" r:id="rId21"/>
    <p:sldId id="264" r:id="rId22"/>
    <p:sldId id="265" r:id="rId23"/>
    <p:sldId id="268" r:id="rId24"/>
    <p:sldId id="266" r:id="rId25"/>
  </p:sldIdLst>
  <p:sldSz cx="9144000" cy="5143500" type="screen16x9"/>
  <p:notesSz cx="6858000" cy="9144000"/>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4" userDrawn="1">
          <p15:clr>
            <a:srgbClr val="A4A3A4"/>
          </p15:clr>
        </p15:guide>
        <p15:guide id="2" pos="2880" userDrawn="1">
          <p15:clr>
            <a:srgbClr val="A4A3A4"/>
          </p15:clr>
        </p15:guide>
        <p15:guide id="3" orient="horz" pos="1620">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85E5C"/>
    <a:srgbClr val="F08785"/>
    <a:srgbClr val="F5B5B5"/>
    <a:srgbClr val="94E5BA"/>
    <a:srgbClr val="99E7B7"/>
    <a:srgbClr val="4AD480"/>
    <a:srgbClr val="578BF7"/>
    <a:srgbClr val="3B54F5"/>
    <a:srgbClr val="73C2FA"/>
    <a:srgbClr val="C9E9FE"/>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3EB76A1-DAA0-4671-9496-10DF712EE09D}" v="2" dt="2024-03-11T16:38:01.918"/>
  </p1510:revLst>
</p1510:revInfo>
</file>

<file path=ppt/tableStyles.xml><?xml version="1.0" encoding="utf-8"?>
<a:tblStyleLst xmlns:a="http://schemas.openxmlformats.org/drawingml/2006/main" def="{5C22544A-7EE6-4342-B048-85BDC9FD1C3A}">
  <a:tblStyle styleId="{5C22544A-7EE6-4342-B048-85BDC9FD1C3A}" styleName="Stijl, gemiddeld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7DF18680-E054-41AD-8BC1-D1AEF772440D}" styleName="Medium Style 2 - Accent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133" d="100"/>
          <a:sy n="133" d="100"/>
        </p:scale>
        <p:origin x="378" y="120"/>
      </p:cViewPr>
      <p:guideLst>
        <p:guide orient="horz" pos="2164"/>
        <p:guide pos="2880"/>
        <p:guide orient="horz" pos="1620"/>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slide" Target="slides/slide2.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6.xml"/><Relationship Id="rId33"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1.xml"/><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5.xml"/><Relationship Id="rId32"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4.xml"/><Relationship Id="rId28"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Master" Target="slideMasters/slideMaster1.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3.xml"/><Relationship Id="rId27" Type="http://schemas.openxmlformats.org/officeDocument/2006/relationships/handoutMaster" Target="handoutMasters/handoutMaster1.xml"/><Relationship Id="rId30" Type="http://schemas.openxmlformats.org/officeDocument/2006/relationships/theme" Target="theme/theme1.xml"/><Relationship Id="rId8" Type="http://schemas.openxmlformats.org/officeDocument/2006/relationships/customXml" Target="../customXml/item8.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Kwast, H.L. van der (Henriëtte) (OSBE_FIKA)" userId="S::h.l.van.der.kwast@dnb.nl::eb981350-456d-4bba-88cc-1a2b33eb25f2" providerId="AD" clId="Web-{EE826CAB-17F7-B597-A541-71FB60B5A39A}"/>
    <pc:docChg chg="delSld modSld">
      <pc:chgData name="Kwast, H.L. van der (Henriëtte) (OSBE_FIKA)" userId="S::h.l.van.der.kwast@dnb.nl::eb981350-456d-4bba-88cc-1a2b33eb25f2" providerId="AD" clId="Web-{EE826CAB-17F7-B597-A541-71FB60B5A39A}" dt="2024-03-06T17:08:25.176" v="275"/>
      <pc:docMkLst>
        <pc:docMk/>
      </pc:docMkLst>
      <pc:sldChg chg="modNotes">
        <pc:chgData name="Kwast, H.L. van der (Henriëtte) (OSBE_FIKA)" userId="S::h.l.van.der.kwast@dnb.nl::eb981350-456d-4bba-88cc-1a2b33eb25f2" providerId="AD" clId="Web-{EE826CAB-17F7-B597-A541-71FB60B5A39A}" dt="2024-03-06T17:07:41.643" v="255"/>
        <pc:sldMkLst>
          <pc:docMk/>
          <pc:sldMk cId="1096815133" sldId="262"/>
        </pc:sldMkLst>
      </pc:sldChg>
      <pc:sldChg chg="modNotes">
        <pc:chgData name="Kwast, H.L. van der (Henriëtte) (OSBE_FIKA)" userId="S::h.l.van.der.kwast@dnb.nl::eb981350-456d-4bba-88cc-1a2b33eb25f2" providerId="AD" clId="Web-{EE826CAB-17F7-B597-A541-71FB60B5A39A}" dt="2024-03-06T17:07:56.738" v="261"/>
        <pc:sldMkLst>
          <pc:docMk/>
          <pc:sldMk cId="2066146231" sldId="263"/>
        </pc:sldMkLst>
      </pc:sldChg>
      <pc:sldChg chg="modNotes">
        <pc:chgData name="Kwast, H.L. van der (Henriëtte) (OSBE_FIKA)" userId="S::h.l.van.der.kwast@dnb.nl::eb981350-456d-4bba-88cc-1a2b33eb25f2" providerId="AD" clId="Web-{EE826CAB-17F7-B597-A541-71FB60B5A39A}" dt="2024-03-06T17:08:09.832" v="269"/>
        <pc:sldMkLst>
          <pc:docMk/>
          <pc:sldMk cId="802634341" sldId="264"/>
        </pc:sldMkLst>
      </pc:sldChg>
      <pc:sldChg chg="addSp delSp modSp modNotes">
        <pc:chgData name="Kwast, H.L. van der (Henriëtte) (OSBE_FIKA)" userId="S::h.l.van.der.kwast@dnb.nl::eb981350-456d-4bba-88cc-1a2b33eb25f2" providerId="AD" clId="Web-{EE826CAB-17F7-B597-A541-71FB60B5A39A}" dt="2024-03-06T17:08:18.879" v="272"/>
        <pc:sldMkLst>
          <pc:docMk/>
          <pc:sldMk cId="3535432032" sldId="265"/>
        </pc:sldMkLst>
        <pc:spChg chg="del mod">
          <ac:chgData name="Kwast, H.L. van der (Henriëtte) (OSBE_FIKA)" userId="S::h.l.van.der.kwast@dnb.nl::eb981350-456d-4bba-88cc-1a2b33eb25f2" providerId="AD" clId="Web-{EE826CAB-17F7-B597-A541-71FB60B5A39A}" dt="2024-03-06T13:47:39.039" v="180"/>
          <ac:spMkLst>
            <pc:docMk/>
            <pc:sldMk cId="3535432032" sldId="265"/>
            <ac:spMk id="4" creationId="{F1E92237-5E58-CD03-5D14-376A74A0C63A}"/>
          </ac:spMkLst>
        </pc:spChg>
        <pc:graphicFrameChg chg="add mod modGraphic">
          <ac:chgData name="Kwast, H.L. van der (Henriëtte) (OSBE_FIKA)" userId="S::h.l.van.der.kwast@dnb.nl::eb981350-456d-4bba-88cc-1a2b33eb25f2" providerId="AD" clId="Web-{EE826CAB-17F7-B597-A541-71FB60B5A39A}" dt="2024-03-06T14:52:39.016" v="239"/>
          <ac:graphicFrameMkLst>
            <pc:docMk/>
            <pc:sldMk cId="3535432032" sldId="265"/>
            <ac:graphicFrameMk id="2" creationId="{E2400D54-B0AB-B050-B41C-B232E1A83259}"/>
          </ac:graphicFrameMkLst>
        </pc:graphicFrameChg>
        <pc:picChg chg="del">
          <ac:chgData name="Kwast, H.L. van der (Henriëtte) (OSBE_FIKA)" userId="S::h.l.van.der.kwast@dnb.nl::eb981350-456d-4bba-88cc-1a2b33eb25f2" providerId="AD" clId="Web-{EE826CAB-17F7-B597-A541-71FB60B5A39A}" dt="2024-03-06T13:13:06.879" v="0"/>
          <ac:picMkLst>
            <pc:docMk/>
            <pc:sldMk cId="3535432032" sldId="265"/>
            <ac:picMk id="1026" creationId="{3987A38B-85F7-9C62-7859-62247F339B76}"/>
          </ac:picMkLst>
        </pc:picChg>
      </pc:sldChg>
      <pc:sldChg chg="modSp modNotes">
        <pc:chgData name="Kwast, H.L. van der (Henriëtte) (OSBE_FIKA)" userId="S::h.l.van.der.kwast@dnb.nl::eb981350-456d-4bba-88cc-1a2b33eb25f2" providerId="AD" clId="Web-{EE826CAB-17F7-B597-A541-71FB60B5A39A}" dt="2024-03-06T17:08:25.176" v="275"/>
        <pc:sldMkLst>
          <pc:docMk/>
          <pc:sldMk cId="1751735723" sldId="268"/>
        </pc:sldMkLst>
        <pc:spChg chg="mod">
          <ac:chgData name="Kwast, H.L. van der (Henriëtte) (OSBE_FIKA)" userId="S::h.l.van.der.kwast@dnb.nl::eb981350-456d-4bba-88cc-1a2b33eb25f2" providerId="AD" clId="Web-{EE826CAB-17F7-B597-A541-71FB60B5A39A}" dt="2024-03-06T13:48:08.134" v="189" actId="1076"/>
          <ac:spMkLst>
            <pc:docMk/>
            <pc:sldMk cId="1751735723" sldId="268"/>
            <ac:spMk id="2" creationId="{394CE9E4-5240-04F7-7F7F-E4E7C220F312}"/>
          </ac:spMkLst>
        </pc:spChg>
        <pc:spChg chg="mod">
          <ac:chgData name="Kwast, H.L. van der (Henriëtte) (OSBE_FIKA)" userId="S::h.l.van.der.kwast@dnb.nl::eb981350-456d-4bba-88cc-1a2b33eb25f2" providerId="AD" clId="Web-{EE826CAB-17F7-B597-A541-71FB60B5A39A}" dt="2024-03-06T17:07:33.315" v="252" actId="20577"/>
          <ac:spMkLst>
            <pc:docMk/>
            <pc:sldMk cId="1751735723" sldId="268"/>
            <ac:spMk id="3" creationId="{3CE1F181-B6E1-28E0-A66F-D0EB34852215}"/>
          </ac:spMkLst>
        </pc:spChg>
      </pc:sldChg>
      <pc:sldChg chg="del">
        <pc:chgData name="Kwast, H.L. van der (Henriëtte) (OSBE_FIKA)" userId="S::h.l.van.der.kwast@dnb.nl::eb981350-456d-4bba-88cc-1a2b33eb25f2" providerId="AD" clId="Web-{EE826CAB-17F7-B597-A541-71FB60B5A39A}" dt="2024-03-06T13:13:14.130" v="1"/>
        <pc:sldMkLst>
          <pc:docMk/>
          <pc:sldMk cId="2353874073" sldId="269"/>
        </pc:sldMkLst>
      </pc:sldChg>
    </pc:docChg>
  </pc:docChgLst>
  <pc:docChgLst>
    <pc:chgData name="Boer, H.J. de (Hans) (TP_TIB)" userId="S::h.j.de.boer@dnb.nl::a7b9dd79-4452-4d01-90a6-06873b4c0594" providerId="AD" clId="Web-{B136EFD6-9B07-082C-EA72-A8284DDBF503}"/>
    <pc:docChg chg="modSld">
      <pc:chgData name="Boer, H.J. de (Hans) (TP_TIB)" userId="S::h.j.de.boer@dnb.nl::a7b9dd79-4452-4d01-90a6-06873b4c0594" providerId="AD" clId="Web-{B136EFD6-9B07-082C-EA72-A8284DDBF503}" dt="2024-03-06T08:12:01.191" v="2" actId="20577"/>
      <pc:docMkLst>
        <pc:docMk/>
      </pc:docMkLst>
      <pc:sldChg chg="modSp">
        <pc:chgData name="Boer, H.J. de (Hans) (TP_TIB)" userId="S::h.j.de.boer@dnb.nl::a7b9dd79-4452-4d01-90a6-06873b4c0594" providerId="AD" clId="Web-{B136EFD6-9B07-082C-EA72-A8284DDBF503}" dt="2024-03-06T08:12:01.191" v="2" actId="20577"/>
        <pc:sldMkLst>
          <pc:docMk/>
          <pc:sldMk cId="2066146231" sldId="263"/>
        </pc:sldMkLst>
        <pc:spChg chg="mod">
          <ac:chgData name="Boer, H.J. de (Hans) (TP_TIB)" userId="S::h.j.de.boer@dnb.nl::a7b9dd79-4452-4d01-90a6-06873b4c0594" providerId="AD" clId="Web-{B136EFD6-9B07-082C-EA72-A8284DDBF503}" dt="2024-03-06T08:12:01.191" v="2" actId="20577"/>
          <ac:spMkLst>
            <pc:docMk/>
            <pc:sldMk cId="2066146231" sldId="263"/>
            <ac:spMk id="22" creationId="{73F0944E-08FB-8969-73F9-8B21686E23A3}"/>
          </ac:spMkLst>
        </pc:spChg>
      </pc:sldChg>
    </pc:docChg>
  </pc:docChgLst>
  <pc:docChgLst>
    <pc:chgData name="Diris, B.F. (Bart) (TB_PV)" userId="f1859782-ff18-41f9-90f6-1b325aacd743" providerId="ADAL" clId="{364EFFA2-2A5B-45EA-BF1B-E3B80F506F76}"/>
    <pc:docChg chg="modSld">
      <pc:chgData name="Diris, B.F. (Bart) (TB_PV)" userId="f1859782-ff18-41f9-90f6-1b325aacd743" providerId="ADAL" clId="{364EFFA2-2A5B-45EA-BF1B-E3B80F506F76}" dt="2024-03-05T08:41:54.187" v="0" actId="20577"/>
      <pc:docMkLst>
        <pc:docMk/>
      </pc:docMkLst>
      <pc:sldChg chg="modSp mod">
        <pc:chgData name="Diris, B.F. (Bart) (TB_PV)" userId="f1859782-ff18-41f9-90f6-1b325aacd743" providerId="ADAL" clId="{364EFFA2-2A5B-45EA-BF1B-E3B80F506F76}" dt="2024-03-05T08:41:54.187" v="0" actId="20577"/>
        <pc:sldMkLst>
          <pc:docMk/>
          <pc:sldMk cId="1751735723" sldId="268"/>
        </pc:sldMkLst>
        <pc:spChg chg="mod">
          <ac:chgData name="Diris, B.F. (Bart) (TB_PV)" userId="f1859782-ff18-41f9-90f6-1b325aacd743" providerId="ADAL" clId="{364EFFA2-2A5B-45EA-BF1B-E3B80F506F76}" dt="2024-03-05T08:41:54.187" v="0" actId="20577"/>
          <ac:spMkLst>
            <pc:docMk/>
            <pc:sldMk cId="1751735723" sldId="268"/>
            <ac:spMk id="2" creationId="{394CE9E4-5240-04F7-7F7F-E4E7C220F312}"/>
          </ac:spMkLst>
        </pc:spChg>
      </pc:sldChg>
    </pc:docChg>
  </pc:docChgLst>
  <pc:docChgLst>
    <pc:chgData name="Boer, H.J. de (Hans) (TP_TIB)" userId="a7b9dd79-4452-4d01-90a6-06873b4c0594" providerId="ADAL" clId="{A1F6E5C3-A5BC-45D6-B08B-8418AC566F98}"/>
    <pc:docChg chg="modSld">
      <pc:chgData name="Boer, H.J. de (Hans) (TP_TIB)" userId="a7b9dd79-4452-4d01-90a6-06873b4c0594" providerId="ADAL" clId="{A1F6E5C3-A5BC-45D6-B08B-8418AC566F98}" dt="2024-03-06T08:33:38.180" v="134" actId="20577"/>
      <pc:docMkLst>
        <pc:docMk/>
      </pc:docMkLst>
      <pc:sldChg chg="modSp mod">
        <pc:chgData name="Boer, H.J. de (Hans) (TP_TIB)" userId="a7b9dd79-4452-4d01-90a6-06873b4c0594" providerId="ADAL" clId="{A1F6E5C3-A5BC-45D6-B08B-8418AC566F98}" dt="2024-03-06T08:33:38.180" v="134" actId="20577"/>
        <pc:sldMkLst>
          <pc:docMk/>
          <pc:sldMk cId="3535432032" sldId="265"/>
        </pc:sldMkLst>
        <pc:spChg chg="mod">
          <ac:chgData name="Boer, H.J. de (Hans) (TP_TIB)" userId="a7b9dd79-4452-4d01-90a6-06873b4c0594" providerId="ADAL" clId="{A1F6E5C3-A5BC-45D6-B08B-8418AC566F98}" dt="2024-03-06T08:33:38.180" v="134" actId="20577"/>
          <ac:spMkLst>
            <pc:docMk/>
            <pc:sldMk cId="3535432032" sldId="265"/>
            <ac:spMk id="4" creationId="{F1E92237-5E58-CD03-5D14-376A74A0C63A}"/>
          </ac:spMkLst>
        </pc:spChg>
      </pc:sldChg>
      <pc:sldChg chg="modSp mod">
        <pc:chgData name="Boer, H.J. de (Hans) (TP_TIB)" userId="a7b9dd79-4452-4d01-90a6-06873b4c0594" providerId="ADAL" clId="{A1F6E5C3-A5BC-45D6-B08B-8418AC566F98}" dt="2024-03-06T08:12:59.252" v="47" actId="20577"/>
        <pc:sldMkLst>
          <pc:docMk/>
          <pc:sldMk cId="2353874073" sldId="269"/>
        </pc:sldMkLst>
        <pc:spChg chg="mod">
          <ac:chgData name="Boer, H.J. de (Hans) (TP_TIB)" userId="a7b9dd79-4452-4d01-90a6-06873b4c0594" providerId="ADAL" clId="{A1F6E5C3-A5BC-45D6-B08B-8418AC566F98}" dt="2024-03-06T08:12:59.252" v="47" actId="20577"/>
          <ac:spMkLst>
            <pc:docMk/>
            <pc:sldMk cId="2353874073" sldId="269"/>
            <ac:spMk id="4" creationId="{797547E0-AAA2-9150-7108-725BB813C402}"/>
          </ac:spMkLst>
        </pc:spChg>
      </pc:sldChg>
    </pc:docChg>
  </pc:docChgLst>
  <pc:docChgLst>
    <pc:chgData name="Kwast, H.L. van der (Henriëtte) (TP_ATPC)" userId="eb981350-456d-4bba-88cc-1a2b33eb25f2" providerId="ADAL" clId="{AD012553-A824-44A8-ADC8-B760A120C7C5}"/>
    <pc:docChg chg="custSel modSld">
      <pc:chgData name="Kwast, H.L. van der (Henriëtte) (TP_ATPC)" userId="eb981350-456d-4bba-88cc-1a2b33eb25f2" providerId="ADAL" clId="{AD012553-A824-44A8-ADC8-B760A120C7C5}" dt="2024-03-05T10:55:14.360" v="128" actId="20577"/>
      <pc:docMkLst>
        <pc:docMk/>
      </pc:docMkLst>
      <pc:sldChg chg="addSp modSp mod">
        <pc:chgData name="Kwast, H.L. van der (Henriëtte) (TP_ATPC)" userId="eb981350-456d-4bba-88cc-1a2b33eb25f2" providerId="ADAL" clId="{AD012553-A824-44A8-ADC8-B760A120C7C5}" dt="2024-03-05T10:02:12.043" v="41" actId="1076"/>
        <pc:sldMkLst>
          <pc:docMk/>
          <pc:sldMk cId="802634341" sldId="264"/>
        </pc:sldMkLst>
        <pc:spChg chg="add mod">
          <ac:chgData name="Kwast, H.L. van der (Henriëtte) (TP_ATPC)" userId="eb981350-456d-4bba-88cc-1a2b33eb25f2" providerId="ADAL" clId="{AD012553-A824-44A8-ADC8-B760A120C7C5}" dt="2024-03-05T10:02:12.043" v="41" actId="1076"/>
          <ac:spMkLst>
            <pc:docMk/>
            <pc:sldMk cId="802634341" sldId="264"/>
            <ac:spMk id="3" creationId="{AFC7A3B4-A3CB-94A9-168F-4DED4868A1E7}"/>
          </ac:spMkLst>
        </pc:spChg>
        <pc:picChg chg="mod">
          <ac:chgData name="Kwast, H.L. van der (Henriëtte) (TP_ATPC)" userId="eb981350-456d-4bba-88cc-1a2b33eb25f2" providerId="ADAL" clId="{AD012553-A824-44A8-ADC8-B760A120C7C5}" dt="2024-03-05T10:01:04.516" v="0" actId="1076"/>
          <ac:picMkLst>
            <pc:docMk/>
            <pc:sldMk cId="802634341" sldId="264"/>
            <ac:picMk id="4" creationId="{2DAA09F0-4023-AF56-F995-97C13681AD4B}"/>
          </ac:picMkLst>
        </pc:picChg>
      </pc:sldChg>
      <pc:sldChg chg="modSp mod">
        <pc:chgData name="Kwast, H.L. van der (Henriëtte) (TP_ATPC)" userId="eb981350-456d-4bba-88cc-1a2b33eb25f2" providerId="ADAL" clId="{AD012553-A824-44A8-ADC8-B760A120C7C5}" dt="2024-03-05T10:33:22.211" v="46" actId="20577"/>
        <pc:sldMkLst>
          <pc:docMk/>
          <pc:sldMk cId="1751735723" sldId="268"/>
        </pc:sldMkLst>
        <pc:spChg chg="mod">
          <ac:chgData name="Kwast, H.L. van der (Henriëtte) (TP_ATPC)" userId="eb981350-456d-4bba-88cc-1a2b33eb25f2" providerId="ADAL" clId="{AD012553-A824-44A8-ADC8-B760A120C7C5}" dt="2024-03-05T10:33:22.211" v="46" actId="20577"/>
          <ac:spMkLst>
            <pc:docMk/>
            <pc:sldMk cId="1751735723" sldId="268"/>
            <ac:spMk id="2" creationId="{394CE9E4-5240-04F7-7F7F-E4E7C220F312}"/>
          </ac:spMkLst>
        </pc:spChg>
      </pc:sldChg>
      <pc:sldChg chg="modSp mod">
        <pc:chgData name="Kwast, H.L. van der (Henriëtte) (TP_ATPC)" userId="eb981350-456d-4bba-88cc-1a2b33eb25f2" providerId="ADAL" clId="{AD012553-A824-44A8-ADC8-B760A120C7C5}" dt="2024-03-05T10:55:14.360" v="128" actId="20577"/>
        <pc:sldMkLst>
          <pc:docMk/>
          <pc:sldMk cId="2353874073" sldId="269"/>
        </pc:sldMkLst>
        <pc:spChg chg="mod">
          <ac:chgData name="Kwast, H.L. van der (Henriëtte) (TP_ATPC)" userId="eb981350-456d-4bba-88cc-1a2b33eb25f2" providerId="ADAL" clId="{AD012553-A824-44A8-ADC8-B760A120C7C5}" dt="2024-03-05T10:55:14.360" v="128" actId="20577"/>
          <ac:spMkLst>
            <pc:docMk/>
            <pc:sldMk cId="2353874073" sldId="269"/>
            <ac:spMk id="4" creationId="{797547E0-AAA2-9150-7108-725BB813C402}"/>
          </ac:spMkLst>
        </pc:spChg>
      </pc:sldChg>
    </pc:docChg>
  </pc:docChgLst>
  <pc:docChgLst>
    <pc:chgData name="Kwast, H.L. van der (Henriëtte) (TP_ATPC)" userId="eb981350-456d-4bba-88cc-1a2b33eb25f2" providerId="ADAL" clId="{63EB76A1-DAA0-4671-9496-10DF712EE09D}"/>
    <pc:docChg chg="modSld">
      <pc:chgData name="Kwast, H.L. van der (Henriëtte) (TP_ATPC)" userId="eb981350-456d-4bba-88cc-1a2b33eb25f2" providerId="ADAL" clId="{63EB76A1-DAA0-4671-9496-10DF712EE09D}" dt="2024-03-11T16:39:11.309" v="27" actId="1076"/>
      <pc:docMkLst>
        <pc:docMk/>
      </pc:docMkLst>
      <pc:sldChg chg="modSp mod">
        <pc:chgData name="Kwast, H.L. van der (Henriëtte) (TP_ATPC)" userId="eb981350-456d-4bba-88cc-1a2b33eb25f2" providerId="ADAL" clId="{63EB76A1-DAA0-4671-9496-10DF712EE09D}" dt="2024-03-11T16:39:11.309" v="27" actId="1076"/>
        <pc:sldMkLst>
          <pc:docMk/>
          <pc:sldMk cId="2066146231" sldId="263"/>
        </pc:sldMkLst>
        <pc:spChg chg="mod">
          <ac:chgData name="Kwast, H.L. van der (Henriëtte) (TP_ATPC)" userId="eb981350-456d-4bba-88cc-1a2b33eb25f2" providerId="ADAL" clId="{63EB76A1-DAA0-4671-9496-10DF712EE09D}" dt="2024-03-11T16:39:00.133" v="23" actId="403"/>
          <ac:spMkLst>
            <pc:docMk/>
            <pc:sldMk cId="2066146231" sldId="263"/>
            <ac:spMk id="19" creationId="{FF2E295D-2D9B-F6EF-A03C-04AA2ACC6FF7}"/>
          </ac:spMkLst>
        </pc:spChg>
        <pc:spChg chg="mod">
          <ac:chgData name="Kwast, H.L. van der (Henriëtte) (TP_ATPC)" userId="eb981350-456d-4bba-88cc-1a2b33eb25f2" providerId="ADAL" clId="{63EB76A1-DAA0-4671-9496-10DF712EE09D}" dt="2024-03-11T16:38:56.993" v="22" actId="403"/>
          <ac:spMkLst>
            <pc:docMk/>
            <pc:sldMk cId="2066146231" sldId="263"/>
            <ac:spMk id="20" creationId="{7BBCF671-6D71-DB0D-72E8-09E326E9F435}"/>
          </ac:spMkLst>
        </pc:spChg>
        <pc:spChg chg="mod">
          <ac:chgData name="Kwast, H.L. van der (Henriëtte) (TP_ATPC)" userId="eb981350-456d-4bba-88cc-1a2b33eb25f2" providerId="ADAL" clId="{63EB76A1-DAA0-4671-9496-10DF712EE09D}" dt="2024-03-11T16:39:11.309" v="27" actId="1076"/>
          <ac:spMkLst>
            <pc:docMk/>
            <pc:sldMk cId="2066146231" sldId="263"/>
            <ac:spMk id="21" creationId="{CA34CAA5-B1AB-5790-B953-B45125E5E78B}"/>
          </ac:spMkLst>
        </pc:spChg>
        <pc:spChg chg="mod">
          <ac:chgData name="Kwast, H.L. van der (Henriëtte) (TP_ATPC)" userId="eb981350-456d-4bba-88cc-1a2b33eb25f2" providerId="ADAL" clId="{63EB76A1-DAA0-4671-9496-10DF712EE09D}" dt="2024-03-11T16:38:52.379" v="21" actId="403"/>
          <ac:spMkLst>
            <pc:docMk/>
            <pc:sldMk cId="2066146231" sldId="263"/>
            <ac:spMk id="22" creationId="{73F0944E-08FB-8969-73F9-8B21686E23A3}"/>
          </ac:spMkLst>
        </pc:spChg>
        <pc:spChg chg="mod">
          <ac:chgData name="Kwast, H.L. van der (Henriëtte) (TP_ATPC)" userId="eb981350-456d-4bba-88cc-1a2b33eb25f2" providerId="ADAL" clId="{63EB76A1-DAA0-4671-9496-10DF712EE09D}" dt="2024-03-11T16:39:04.683" v="25" actId="1076"/>
          <ac:spMkLst>
            <pc:docMk/>
            <pc:sldMk cId="2066146231" sldId="263"/>
            <ac:spMk id="29" creationId="{D96C3723-96D5-8D79-A45C-0EBD945BFD6D}"/>
          </ac:spMkLst>
        </pc:spChg>
        <pc:spChg chg="mod">
          <ac:chgData name="Kwast, H.L. van der (Henriëtte) (TP_ATPC)" userId="eb981350-456d-4bba-88cc-1a2b33eb25f2" providerId="ADAL" clId="{63EB76A1-DAA0-4671-9496-10DF712EE09D}" dt="2024-03-11T16:38:42.912" v="18" actId="403"/>
          <ac:spMkLst>
            <pc:docMk/>
            <pc:sldMk cId="2066146231" sldId="263"/>
            <ac:spMk id="31" creationId="{D58C248B-6071-4B88-0857-D047C5728B32}"/>
          </ac:spMkLst>
        </pc:spChg>
        <pc:cxnChg chg="mod">
          <ac:chgData name="Kwast, H.L. van der (Henriëtte) (TP_ATPC)" userId="eb981350-456d-4bba-88cc-1a2b33eb25f2" providerId="ADAL" clId="{63EB76A1-DAA0-4671-9496-10DF712EE09D}" dt="2024-03-11T16:38:38.415" v="17" actId="1076"/>
          <ac:cxnSpMkLst>
            <pc:docMk/>
            <pc:sldMk cId="2066146231" sldId="263"/>
            <ac:cxnSpMk id="23" creationId="{CFC94AFC-F117-82D6-866A-4F3F9B43A3AD}"/>
          </ac:cxnSpMkLst>
        </pc:cxnChg>
        <pc:cxnChg chg="mod">
          <ac:chgData name="Kwast, H.L. van der (Henriëtte) (TP_ATPC)" userId="eb981350-456d-4bba-88cc-1a2b33eb25f2" providerId="ADAL" clId="{63EB76A1-DAA0-4671-9496-10DF712EE09D}" dt="2024-03-11T16:39:08.662" v="26" actId="1076"/>
          <ac:cxnSpMkLst>
            <pc:docMk/>
            <pc:sldMk cId="2066146231" sldId="263"/>
            <ac:cxnSpMk id="25" creationId="{551A625A-3E10-1980-23B4-CF92F71635DE}"/>
          </ac:cxnSpMkLst>
        </pc:cxnChg>
      </pc:sldChg>
      <pc:sldChg chg="modSp mod">
        <pc:chgData name="Kwast, H.L. van der (Henriëtte) (TP_ATPC)" userId="eb981350-456d-4bba-88cc-1a2b33eb25f2" providerId="ADAL" clId="{63EB76A1-DAA0-4671-9496-10DF712EE09D}" dt="2024-03-11T16:37:06.119" v="5" actId="1076"/>
        <pc:sldMkLst>
          <pc:docMk/>
          <pc:sldMk cId="802634341" sldId="264"/>
        </pc:sldMkLst>
        <pc:spChg chg="mod">
          <ac:chgData name="Kwast, H.L. van der (Henriëtte) (TP_ATPC)" userId="eb981350-456d-4bba-88cc-1a2b33eb25f2" providerId="ADAL" clId="{63EB76A1-DAA0-4671-9496-10DF712EE09D}" dt="2024-03-11T16:37:06.119" v="5" actId="1076"/>
          <ac:spMkLst>
            <pc:docMk/>
            <pc:sldMk cId="802634341" sldId="264"/>
            <ac:spMk id="3" creationId="{AFC7A3B4-A3CB-94A9-168F-4DED4868A1E7}"/>
          </ac:spMkLst>
        </pc:spChg>
        <pc:picChg chg="mod">
          <ac:chgData name="Kwast, H.L. van der (Henriëtte) (TP_ATPC)" userId="eb981350-456d-4bba-88cc-1a2b33eb25f2" providerId="ADAL" clId="{63EB76A1-DAA0-4671-9496-10DF712EE09D}" dt="2024-03-11T16:37:03.872" v="4" actId="1076"/>
          <ac:picMkLst>
            <pc:docMk/>
            <pc:sldMk cId="802634341" sldId="264"/>
            <ac:picMk id="4" creationId="{2DAA09F0-4023-AF56-F995-97C13681AD4B}"/>
          </ac:picMkLst>
        </pc:picChg>
      </pc:sldChg>
      <pc:sldChg chg="modSp mod">
        <pc:chgData name="Kwast, H.L. van der (Henriëtte) (TP_ATPC)" userId="eb981350-456d-4bba-88cc-1a2b33eb25f2" providerId="ADAL" clId="{63EB76A1-DAA0-4671-9496-10DF712EE09D}" dt="2024-03-11T16:38:15.126" v="16" actId="14100"/>
        <pc:sldMkLst>
          <pc:docMk/>
          <pc:sldMk cId="3535432032" sldId="265"/>
        </pc:sldMkLst>
        <pc:graphicFrameChg chg="mod modGraphic">
          <ac:chgData name="Kwast, H.L. van der (Henriëtte) (TP_ATPC)" userId="eb981350-456d-4bba-88cc-1a2b33eb25f2" providerId="ADAL" clId="{63EB76A1-DAA0-4671-9496-10DF712EE09D}" dt="2024-03-11T16:38:15.126" v="16" actId="14100"/>
          <ac:graphicFrameMkLst>
            <pc:docMk/>
            <pc:sldMk cId="3535432032" sldId="265"/>
            <ac:graphicFrameMk id="2" creationId="{E2400D54-B0AB-B050-B41C-B232E1A83259}"/>
          </ac:graphicFrameMkLst>
        </pc:graphicFrameChg>
      </pc:sldChg>
    </pc:docChg>
  </pc:docChgLst>
  <pc:docChgLst>
    <pc:chgData name="Kwast, H.L. van der (Henriëtte) (OSBE_FIKA)" userId="S::h.l.van.der.kwast@dnb.nl::eb981350-456d-4bba-88cc-1a2b33eb25f2" providerId="AD" clId="Web-{33A2FC1D-6014-95B2-015E-ABABEF9881B2}"/>
    <pc:docChg chg="modSld">
      <pc:chgData name="Kwast, H.L. van der (Henriëtte) (OSBE_FIKA)" userId="S::h.l.van.der.kwast@dnb.nl::eb981350-456d-4bba-88cc-1a2b33eb25f2" providerId="AD" clId="Web-{33A2FC1D-6014-95B2-015E-ABABEF9881B2}" dt="2024-03-06T08:50:18.506" v="4" actId="20577"/>
      <pc:docMkLst>
        <pc:docMk/>
      </pc:docMkLst>
      <pc:sldChg chg="modSp">
        <pc:chgData name="Kwast, H.L. van der (Henriëtte) (OSBE_FIKA)" userId="S::h.l.van.der.kwast@dnb.nl::eb981350-456d-4bba-88cc-1a2b33eb25f2" providerId="AD" clId="Web-{33A2FC1D-6014-95B2-015E-ABABEF9881B2}" dt="2024-03-06T08:50:18.506" v="4" actId="20577"/>
        <pc:sldMkLst>
          <pc:docMk/>
          <pc:sldMk cId="1751735723" sldId="268"/>
        </pc:sldMkLst>
        <pc:spChg chg="mod">
          <ac:chgData name="Kwast, H.L. van der (Henriëtte) (OSBE_FIKA)" userId="S::h.l.van.der.kwast@dnb.nl::eb981350-456d-4bba-88cc-1a2b33eb25f2" providerId="AD" clId="Web-{33A2FC1D-6014-95B2-015E-ABABEF9881B2}" dt="2024-03-06T08:50:18.506" v="4" actId="20577"/>
          <ac:spMkLst>
            <pc:docMk/>
            <pc:sldMk cId="1751735723" sldId="268"/>
            <ac:spMk id="2" creationId="{394CE9E4-5240-04F7-7F7F-E4E7C220F312}"/>
          </ac:spMkLst>
        </pc:spChg>
        <pc:spChg chg="mod">
          <ac:chgData name="Kwast, H.L. van der (Henriëtte) (OSBE_FIKA)" userId="S::h.l.van.der.kwast@dnb.nl::eb981350-456d-4bba-88cc-1a2b33eb25f2" providerId="AD" clId="Web-{33A2FC1D-6014-95B2-015E-ABABEF9881B2}" dt="2024-03-06T08:50:14.381" v="1" actId="20577"/>
          <ac:spMkLst>
            <pc:docMk/>
            <pc:sldMk cId="1751735723" sldId="268"/>
            <ac:spMk id="3" creationId="{3CE1F181-B6E1-28E0-A66F-D0EB34852215}"/>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a:extLst>
              <a:ext uri="{FF2B5EF4-FFF2-40B4-BE49-F238E27FC236}">
                <a16:creationId xmlns:a16="http://schemas.microsoft.com/office/drawing/2014/main" id="{847CD5C8-2DCB-876C-FF69-CC6471D20B28}"/>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NL"/>
          </a:p>
        </p:txBody>
      </p:sp>
      <p:sp>
        <p:nvSpPr>
          <p:cNvPr id="3" name="Tijdelijke aanduiding voor datum 2">
            <a:extLst>
              <a:ext uri="{FF2B5EF4-FFF2-40B4-BE49-F238E27FC236}">
                <a16:creationId xmlns:a16="http://schemas.microsoft.com/office/drawing/2014/main" id="{94D8F592-4036-A7C3-E3A8-5AC96231FB6D}"/>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2D4BA88-1945-4FA8-BB8A-7FE1D06E9A47}" type="datetimeFigureOut">
              <a:rPr lang="en-NL" smtClean="0"/>
              <a:t>11/03/2024</a:t>
            </a:fld>
            <a:endParaRPr lang="en-NL"/>
          </a:p>
        </p:txBody>
      </p:sp>
      <p:sp>
        <p:nvSpPr>
          <p:cNvPr id="4" name="Tijdelijke aanduiding voor voettekst 3">
            <a:extLst>
              <a:ext uri="{FF2B5EF4-FFF2-40B4-BE49-F238E27FC236}">
                <a16:creationId xmlns:a16="http://schemas.microsoft.com/office/drawing/2014/main" id="{D22E2118-AAD6-DEB4-4B1C-5D4B0765FE1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NL"/>
          </a:p>
        </p:txBody>
      </p:sp>
      <p:sp>
        <p:nvSpPr>
          <p:cNvPr id="5" name="Tijdelijke aanduiding voor dianummer 4">
            <a:extLst>
              <a:ext uri="{FF2B5EF4-FFF2-40B4-BE49-F238E27FC236}">
                <a16:creationId xmlns:a16="http://schemas.microsoft.com/office/drawing/2014/main" id="{4C2B6EB0-BBD5-A0B2-1FA8-96B753CA569B}"/>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66C73F15-35FD-4A8E-A4C2-CFE83B1129F9}" type="slidenum">
              <a:rPr lang="en-NL" smtClean="0"/>
              <a:t>‹nr.›</a:t>
            </a:fld>
            <a:endParaRPr lang="en-NL"/>
          </a:p>
        </p:txBody>
      </p:sp>
    </p:spTree>
    <p:extLst>
      <p:ext uri="{BB962C8B-B14F-4D97-AF65-F5344CB8AC3E}">
        <p14:creationId xmlns:p14="http://schemas.microsoft.com/office/powerpoint/2010/main" val="4250397667"/>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a:p>
        </p:txBody>
      </p:sp>
      <p:sp>
        <p:nvSpPr>
          <p:cNvPr id="3" name="Tijdelijke aanduiding voor datum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00D5B51-A3C5-4FC7-8A0D-54EFEFAFACD3}" type="datetimeFigureOut">
              <a:rPr lang="nl-NL" smtClean="0"/>
              <a:t>11-3-2024</a:t>
            </a:fld>
            <a:endParaRPr lang="nl-NL"/>
          </a:p>
        </p:txBody>
      </p:sp>
      <p:sp>
        <p:nvSpPr>
          <p:cNvPr id="4" name="Tijdelijke aanduiding voor dia-afbeelding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l-NL"/>
          </a:p>
        </p:txBody>
      </p:sp>
      <p:sp>
        <p:nvSpPr>
          <p:cNvPr id="5" name="Tijdelijke aanduiding voor notities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a:t>Klik om de modelstijlen te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a:p>
        </p:txBody>
      </p:sp>
      <p:sp>
        <p:nvSpPr>
          <p:cNvPr id="7" name="Tijdelijke aanduiding voor dia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9513F78-5509-4637-B397-C3DEABA56153}" type="slidenum">
              <a:rPr lang="nl-NL" smtClean="0"/>
              <a:t>‹nr.›</a:t>
            </a:fld>
            <a:endParaRPr lang="nl-NL"/>
          </a:p>
        </p:txBody>
      </p:sp>
    </p:spTree>
    <p:extLst>
      <p:ext uri="{BB962C8B-B14F-4D97-AF65-F5344CB8AC3E}">
        <p14:creationId xmlns:p14="http://schemas.microsoft.com/office/powerpoint/2010/main" val="413885097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lvl="0"/>
            <a:endParaRPr lang="nl-NL">
              <a:ea typeface="Calibri" panose="020F0502020204030204"/>
              <a:cs typeface="Calibri"/>
            </a:endParaRPr>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1</a:t>
            </a:fld>
            <a:endParaRPr lang="nl-NL"/>
          </a:p>
        </p:txBody>
      </p:sp>
    </p:spTree>
    <p:extLst>
      <p:ext uri="{BB962C8B-B14F-4D97-AF65-F5344CB8AC3E}">
        <p14:creationId xmlns:p14="http://schemas.microsoft.com/office/powerpoint/2010/main" val="161473094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342900" lvl="0" indent="-342900">
              <a:lnSpc>
                <a:spcPts val="1135"/>
              </a:lnSpc>
              <a:buFont typeface="Arial" panose="020B0604020202020204" pitchFamily="34" charset="0"/>
              <a:buChar char="•"/>
              <a:tabLst>
                <a:tab pos="457200" algn="l"/>
              </a:tabLst>
            </a:pPr>
            <a:endParaRPr lang="nl-NL" sz="1800" b="1">
              <a:solidFill>
                <a:srgbClr val="000000"/>
              </a:solidFill>
              <a:latin typeface="Calibri"/>
              <a:cs typeface="Calibri"/>
            </a:endParaRPr>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2</a:t>
            </a:fld>
            <a:endParaRPr lang="nl-NL"/>
          </a:p>
        </p:txBody>
      </p:sp>
    </p:spTree>
    <p:extLst>
      <p:ext uri="{BB962C8B-B14F-4D97-AF65-F5344CB8AC3E}">
        <p14:creationId xmlns:p14="http://schemas.microsoft.com/office/powerpoint/2010/main" val="243351920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a:tabLst>
                <a:tab pos="457200" algn="l"/>
              </a:tabLst>
            </a:pPr>
            <a:endParaRPr lang="nl-NL" sz="4000" b="0" i="0">
              <a:solidFill>
                <a:srgbClr val="000000"/>
              </a:solidFill>
              <a:effectLst/>
              <a:latin typeface="Calibri"/>
              <a:ea typeface="Calibri"/>
              <a:cs typeface="Calibri"/>
            </a:endParaRPr>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3</a:t>
            </a:fld>
            <a:endParaRPr lang="nl-NL"/>
          </a:p>
        </p:txBody>
      </p:sp>
    </p:spTree>
    <p:extLst>
      <p:ext uri="{BB962C8B-B14F-4D97-AF65-F5344CB8AC3E}">
        <p14:creationId xmlns:p14="http://schemas.microsoft.com/office/powerpoint/2010/main" val="11681449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lvl="0">
              <a:tabLst>
                <a:tab pos="457200" algn="l"/>
              </a:tabLst>
            </a:pPr>
            <a:endParaRPr lang="nl-NL" sz="1800">
              <a:effectLst/>
              <a:latin typeface="Calibri"/>
              <a:ea typeface="Calibri"/>
              <a:cs typeface="Calibri"/>
            </a:endParaRPr>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4</a:t>
            </a:fld>
            <a:endParaRPr lang="nl-NL"/>
          </a:p>
        </p:txBody>
      </p:sp>
    </p:spTree>
    <p:extLst>
      <p:ext uri="{BB962C8B-B14F-4D97-AF65-F5344CB8AC3E}">
        <p14:creationId xmlns:p14="http://schemas.microsoft.com/office/powerpoint/2010/main" val="86220622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171450" indent="-171450">
              <a:buFont typeface="Arial" panose="020B0604020202020204" pitchFamily="34" charset="0"/>
              <a:buChar char="•"/>
            </a:pPr>
            <a:endParaRPr lang="nl-NL">
              <a:ea typeface="Calibri"/>
              <a:cs typeface="Calibri"/>
            </a:endParaRPr>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5</a:t>
            </a:fld>
            <a:endParaRPr lang="nl-NL"/>
          </a:p>
        </p:txBody>
      </p:sp>
    </p:spTree>
    <p:extLst>
      <p:ext uri="{BB962C8B-B14F-4D97-AF65-F5344CB8AC3E}">
        <p14:creationId xmlns:p14="http://schemas.microsoft.com/office/powerpoint/2010/main" val="220489809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en-NL"/>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6</a:t>
            </a:fld>
            <a:endParaRPr lang="nl-NL"/>
          </a:p>
        </p:txBody>
      </p:sp>
    </p:spTree>
    <p:extLst>
      <p:ext uri="{BB962C8B-B14F-4D97-AF65-F5344CB8AC3E}">
        <p14:creationId xmlns:p14="http://schemas.microsoft.com/office/powerpoint/2010/main" val="686528456"/>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Voorpagina (Blauw)">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A472981F-0950-11BF-7532-49B71F309AFC}"/>
              </a:ext>
            </a:extLst>
          </p:cNvPr>
          <p:cNvSpPr/>
          <p:nvPr userDrawn="1"/>
        </p:nvSpPr>
        <p:spPr>
          <a:xfrm>
            <a:off x="0" y="270056"/>
            <a:ext cx="9144000" cy="487344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5" name="Picture 4">
            <a:extLst>
              <a:ext uri="{FF2B5EF4-FFF2-40B4-BE49-F238E27FC236}">
                <a16:creationId xmlns:a16="http://schemas.microsoft.com/office/drawing/2014/main" id="{C5DDF5EA-C147-3529-8853-16D86285A654}"/>
              </a:ext>
            </a:extLst>
          </p:cNvPr>
          <p:cNvPicPr>
            <a:picLocks noChangeAspect="1"/>
          </p:cNvPicPr>
          <p:nvPr userDrawn="1"/>
        </p:nvPicPr>
        <p:blipFill>
          <a:blip r:embed="rId2"/>
          <a:srcRect t="2940"/>
          <a:stretch>
            <a:fillRect/>
          </a:stretch>
        </p:blipFill>
        <p:spPr>
          <a:xfrm>
            <a:off x="0" y="270056"/>
            <a:ext cx="7287816" cy="4873444"/>
          </a:xfrm>
          <a:custGeom>
            <a:avLst/>
            <a:gdLst>
              <a:gd name="connsiteX0" fmla="*/ 0 w 7287816"/>
              <a:gd name="connsiteY0" fmla="*/ 0 h 4992300"/>
              <a:gd name="connsiteX1" fmla="*/ 7287816 w 7287816"/>
              <a:gd name="connsiteY1" fmla="*/ 0 h 4992300"/>
              <a:gd name="connsiteX2" fmla="*/ 7287816 w 7287816"/>
              <a:gd name="connsiteY2" fmla="*/ 4992300 h 4992300"/>
              <a:gd name="connsiteX3" fmla="*/ 0 w 7287816"/>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7287816" h="4992300">
                <a:moveTo>
                  <a:pt x="0" y="0"/>
                </a:moveTo>
                <a:lnTo>
                  <a:pt x="7287816" y="0"/>
                </a:lnTo>
                <a:lnTo>
                  <a:pt x="7287816" y="4992300"/>
                </a:lnTo>
                <a:lnTo>
                  <a:pt x="0" y="4992300"/>
                </a:lnTo>
                <a:close/>
              </a:path>
            </a:pathLst>
          </a:custGeom>
        </p:spPr>
      </p:pic>
      <p:sp>
        <p:nvSpPr>
          <p:cNvPr id="2" name="Date" descr="{&quot;templafy&quot;:{&quot;id&quot;:&quot;bcb14dc9-5981-4690-b218-4b1a9244e4d8&quot;}}">
            <a:extLst>
              <a:ext uri="{FF2B5EF4-FFF2-40B4-BE49-F238E27FC236}">
                <a16:creationId xmlns:a16="http://schemas.microsoft.com/office/drawing/2014/main" id="{13E8B1FD-06D3-1D3D-95CE-2EDFCFDCBF39}"/>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350"/>
              <a:t>20 maart 2024</a:t>
            </a:r>
          </a:p>
        </p:txBody>
      </p:sp>
      <p:sp>
        <p:nvSpPr>
          <p:cNvPr id="9" name="Text Placeholder 7">
            <a:extLst>
              <a:ext uri="{FF2B5EF4-FFF2-40B4-BE49-F238E27FC236}">
                <a16:creationId xmlns:a16="http://schemas.microsoft.com/office/drawing/2014/main" id="{D4DF47EF-6FD3-8974-6347-19105660ECB2}"/>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12" name="Text Placeholder 10">
            <a:extLst>
              <a:ext uri="{FF2B5EF4-FFF2-40B4-BE49-F238E27FC236}">
                <a16:creationId xmlns:a16="http://schemas.microsoft.com/office/drawing/2014/main" id="{030CB566-3812-DE5A-43D8-70D05DBFCA29}"/>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sp>
        <p:nvSpPr>
          <p:cNvPr id="7" name="Name" descr="{&quot;templafy&quot;:{&quot;id&quot;:&quot;67a1e648-f6dc-4094-b8b3-ff07592b0b05&quot;}}">
            <a:extLst>
              <a:ext uri="{FF2B5EF4-FFF2-40B4-BE49-F238E27FC236}">
                <a16:creationId xmlns:a16="http://schemas.microsoft.com/office/drawing/2014/main" id="{52D0E052-B47A-F199-16AA-C3924F12888B}"/>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en-GB" sz="1050"/>
              <a:t>Hans de Boer</a:t>
            </a:r>
          </a:p>
        </p:txBody>
      </p:sp>
      <p:pic>
        <p:nvPicPr>
          <p:cNvPr id="8" name="Picture 7">
            <a:extLst>
              <a:ext uri="{FF2B5EF4-FFF2-40B4-BE49-F238E27FC236}">
                <a16:creationId xmlns:a16="http://schemas.microsoft.com/office/drawing/2014/main" id="{C9B6EEF4-3C3C-7A6D-E9EA-3EEA93F2D239}"/>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117110171"/>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Kleurverloop rechts">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08ABE741-2488-CF81-B0CC-FE756926756B}"/>
              </a:ext>
            </a:extLst>
          </p:cNvPr>
          <p:cNvSpPr/>
          <p:nvPr userDrawn="1"/>
        </p:nvSpPr>
        <p:spPr>
          <a:xfrm>
            <a:off x="0" y="260580"/>
            <a:ext cx="9144000" cy="488292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5" name="Freeform: Shape 4">
            <a:extLst>
              <a:ext uri="{FF2B5EF4-FFF2-40B4-BE49-F238E27FC236}">
                <a16:creationId xmlns:a16="http://schemas.microsoft.com/office/drawing/2014/main" id="{ED49BE91-596B-DA89-FBE1-69E2C2785275}"/>
              </a:ext>
            </a:extLst>
          </p:cNvPr>
          <p:cNvSpPr/>
          <p:nvPr userDrawn="1"/>
        </p:nvSpPr>
        <p:spPr>
          <a:xfrm>
            <a:off x="6084000" y="260580"/>
            <a:ext cx="3060000" cy="4882920"/>
          </a:xfrm>
          <a:custGeom>
            <a:avLst/>
            <a:gdLst>
              <a:gd name="connsiteX0" fmla="*/ 0 w 3060000"/>
              <a:gd name="connsiteY0" fmla="*/ 0 h 4992300"/>
              <a:gd name="connsiteX1" fmla="*/ 3060000 w 3060000"/>
              <a:gd name="connsiteY1" fmla="*/ 0 h 4992300"/>
              <a:gd name="connsiteX2" fmla="*/ 3060000 w 3060000"/>
              <a:gd name="connsiteY2" fmla="*/ 4992300 h 4992300"/>
              <a:gd name="connsiteX3" fmla="*/ 0 w 3060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3060000" h="4992300">
                <a:moveTo>
                  <a:pt x="0" y="0"/>
                </a:moveTo>
                <a:lnTo>
                  <a:pt x="3060000" y="0"/>
                </a:lnTo>
                <a:lnTo>
                  <a:pt x="3060000" y="4992300"/>
                </a:lnTo>
                <a:lnTo>
                  <a:pt x="0" y="4992300"/>
                </a:lnTo>
                <a:close/>
              </a:path>
            </a:pathLst>
          </a:cu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2" name="Title 11">
            <a:extLst>
              <a:ext uri="{FF2B5EF4-FFF2-40B4-BE49-F238E27FC236}">
                <a16:creationId xmlns:a16="http://schemas.microsoft.com/office/drawing/2014/main" id="{344EEB74-3D0D-D422-4997-5FF839E9590C}"/>
              </a:ext>
            </a:extLst>
          </p:cNvPr>
          <p:cNvSpPr>
            <a:spLocks noGrp="1"/>
          </p:cNvSpPr>
          <p:nvPr>
            <p:ph type="title"/>
          </p:nvPr>
        </p:nvSpPr>
        <p:spPr>
          <a:xfrm>
            <a:off x="6594541" y="435548"/>
            <a:ext cx="2016000" cy="1086405"/>
          </a:xfrm>
        </p:spPr>
        <p:txBody>
          <a:bodyPr/>
          <a:lstStyle/>
          <a:p>
            <a:r>
              <a:rPr lang="en-US"/>
              <a:t>Click to edit Master title style</a:t>
            </a:r>
            <a:endParaRPr lang="en-GB"/>
          </a:p>
        </p:txBody>
      </p:sp>
      <p:sp>
        <p:nvSpPr>
          <p:cNvPr id="20" name="Text Placeholder 15">
            <a:extLst>
              <a:ext uri="{FF2B5EF4-FFF2-40B4-BE49-F238E27FC236}">
                <a16:creationId xmlns:a16="http://schemas.microsoft.com/office/drawing/2014/main" id="{9A456415-937D-EDA0-96CE-C076141B8580}"/>
              </a:ext>
            </a:extLst>
          </p:cNvPr>
          <p:cNvSpPr>
            <a:spLocks noGrp="1"/>
          </p:cNvSpPr>
          <p:nvPr>
            <p:ph type="body" sz="quarter" idx="14"/>
          </p:nvPr>
        </p:nvSpPr>
        <p:spPr>
          <a:xfrm>
            <a:off x="6628918" y="1796022"/>
            <a:ext cx="2016000" cy="25830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4" name="Content Placeholder 5">
            <a:extLst>
              <a:ext uri="{FF2B5EF4-FFF2-40B4-BE49-F238E27FC236}">
                <a16:creationId xmlns:a16="http://schemas.microsoft.com/office/drawing/2014/main" id="{C97DF92B-D572-18ED-78FB-C6F41FFC6EDC}"/>
              </a:ext>
            </a:extLst>
          </p:cNvPr>
          <p:cNvSpPr>
            <a:spLocks noGrp="1"/>
          </p:cNvSpPr>
          <p:nvPr>
            <p:ph sz="quarter" idx="15" hasCustomPrompt="1"/>
          </p:nvPr>
        </p:nvSpPr>
        <p:spPr>
          <a:xfrm>
            <a:off x="511199" y="435548"/>
            <a:ext cx="5062259" cy="3943520"/>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
        <p:nvSpPr>
          <p:cNvPr id="2" name="Slide Number Placeholder 2">
            <a:extLst>
              <a:ext uri="{FF2B5EF4-FFF2-40B4-BE49-F238E27FC236}">
                <a16:creationId xmlns:a16="http://schemas.microsoft.com/office/drawing/2014/main" id="{30A54039-8A90-CDCC-05F5-A87EB2B97B19}"/>
              </a:ext>
            </a:extLst>
          </p:cNvPr>
          <p:cNvSpPr>
            <a:spLocks noGrp="1"/>
          </p:cNvSpPr>
          <p:nvPr>
            <p:ph type="sldNum" sz="quarter" idx="10"/>
          </p:nvPr>
        </p:nvSpPr>
        <p:spPr>
          <a:xfrm>
            <a:off x="8119110" y="4741067"/>
            <a:ext cx="519115" cy="197644"/>
          </a:xfrm>
        </p:spPr>
        <p:txBody>
          <a:bodyPr/>
          <a:lstStyle>
            <a:lvl1pPr>
              <a:defRPr>
                <a:solidFill>
                  <a:schemeClr val="bg1"/>
                </a:solidFill>
              </a:defRPr>
            </a:lvl1pPr>
          </a:lstStyle>
          <a:p>
            <a:fld id="{A57ACD69-77E0-4B27-BE9A-0E1A45A60CED}" type="slidenum">
              <a:rPr lang="en-US" smtClean="0"/>
              <a:pPr/>
              <a:t>‹nr.›</a:t>
            </a:fld>
            <a:endParaRPr lang="en-GB"/>
          </a:p>
        </p:txBody>
      </p:sp>
      <p:pic>
        <p:nvPicPr>
          <p:cNvPr id="3" name="Picture 2">
            <a:extLst>
              <a:ext uri="{FF2B5EF4-FFF2-40B4-BE49-F238E27FC236}">
                <a16:creationId xmlns:a16="http://schemas.microsoft.com/office/drawing/2014/main" id="{35D098EA-EC7A-7110-6DD7-A06000A8E16E}"/>
              </a:ext>
            </a:extLst>
          </p:cNvPr>
          <p:cNvPicPr>
            <a:picLocks noChangeAspect="1"/>
          </p:cNvPicPr>
          <p:nvPr userDrawn="1"/>
        </p:nvPicPr>
        <p:blipFill>
          <a:blip r:embed="rId2"/>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303977987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ee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0D39B93F-4960-5CF8-D79E-C97A2C76BE87}"/>
              </a:ext>
            </a:extLst>
          </p:cNvPr>
          <p:cNvSpPr/>
          <p:nvPr userDrawn="1"/>
        </p:nvSpPr>
        <p:spPr>
          <a:xfrm>
            <a:off x="0" y="236891"/>
            <a:ext cx="9144000" cy="4906608"/>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3" name="Picture 2">
            <a:extLst>
              <a:ext uri="{FF2B5EF4-FFF2-40B4-BE49-F238E27FC236}">
                <a16:creationId xmlns:a16="http://schemas.microsoft.com/office/drawing/2014/main" id="{35D098EA-EC7A-7110-6DD7-A06000A8E16E}"/>
              </a:ext>
            </a:extLst>
          </p:cNvPr>
          <p:cNvPicPr>
            <a:picLocks noChangeAspect="1"/>
          </p:cNvPicPr>
          <p:nvPr userDrawn="1"/>
        </p:nvPicPr>
        <p:blipFill>
          <a:blip r:embed="rId2"/>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421269507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fbeelding">
    <p:spTree>
      <p:nvGrpSpPr>
        <p:cNvPr id="1" name=""/>
        <p:cNvGrpSpPr/>
        <p:nvPr/>
      </p:nvGrpSpPr>
      <p:grpSpPr>
        <a:xfrm>
          <a:off x="0" y="0"/>
          <a:ext cx="0" cy="0"/>
          <a:chOff x="0" y="0"/>
          <a:chExt cx="0" cy="0"/>
        </a:xfrm>
      </p:grpSpPr>
      <p:pic>
        <p:nvPicPr>
          <p:cNvPr id="5" name="Graphic 4" hidden="1">
            <a:extLst>
              <a:ext uri="{FF2B5EF4-FFF2-40B4-BE49-F238E27FC236}">
                <a16:creationId xmlns:a16="http://schemas.microsoft.com/office/drawing/2014/main" id="{20B60159-27EF-393C-8AB6-40BE1DCA8F27}"/>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0" y="0"/>
            <a:ext cx="9144000" cy="5143500"/>
          </a:xfrm>
          <a:prstGeom prst="rect">
            <a:avLst/>
          </a:prstGeom>
        </p:spPr>
      </p:pic>
      <p:sp>
        <p:nvSpPr>
          <p:cNvPr id="7" name="Picture Placeholder 6">
            <a:extLst>
              <a:ext uri="{FF2B5EF4-FFF2-40B4-BE49-F238E27FC236}">
                <a16:creationId xmlns:a16="http://schemas.microsoft.com/office/drawing/2014/main" id="{A241DF0A-F250-CC7C-A747-38D0DEF4E13D}"/>
              </a:ext>
            </a:extLst>
          </p:cNvPr>
          <p:cNvSpPr>
            <a:spLocks noGrp="1"/>
          </p:cNvSpPr>
          <p:nvPr>
            <p:ph type="pic" sz="quarter" idx="11"/>
          </p:nvPr>
        </p:nvSpPr>
        <p:spPr>
          <a:xfrm>
            <a:off x="0" y="251104"/>
            <a:ext cx="9144000" cy="4892395"/>
          </a:xfrm>
          <a:custGeom>
            <a:avLst/>
            <a:gdLst>
              <a:gd name="connsiteX0" fmla="*/ 1311232 w 9144000"/>
              <a:gd name="connsiteY0" fmla="*/ 4784368 h 4992300"/>
              <a:gd name="connsiteX1" fmla="*/ 1311255 w 9144000"/>
              <a:gd name="connsiteY1" fmla="*/ 4784413 h 4992300"/>
              <a:gd name="connsiteX2" fmla="*/ 1311208 w 9144000"/>
              <a:gd name="connsiteY2" fmla="*/ 4784413 h 4992300"/>
              <a:gd name="connsiteX3" fmla="*/ 1202473 w 9144000"/>
              <a:gd name="connsiteY3" fmla="*/ 4771089 h 4992300"/>
              <a:gd name="connsiteX4" fmla="*/ 1208231 w 9144000"/>
              <a:gd name="connsiteY4" fmla="*/ 4771089 h 4992300"/>
              <a:gd name="connsiteX5" fmla="*/ 1215845 w 9144000"/>
              <a:gd name="connsiteY5" fmla="*/ 4777846 h 4992300"/>
              <a:gd name="connsiteX6" fmla="*/ 1207042 w 9144000"/>
              <a:gd name="connsiteY6" fmla="*/ 4784460 h 4992300"/>
              <a:gd name="connsiteX7" fmla="*/ 1202473 w 9144000"/>
              <a:gd name="connsiteY7" fmla="*/ 4784460 h 4992300"/>
              <a:gd name="connsiteX8" fmla="*/ 1247252 w 9144000"/>
              <a:gd name="connsiteY8" fmla="*/ 4770660 h 4992300"/>
              <a:gd name="connsiteX9" fmla="*/ 1260005 w 9144000"/>
              <a:gd name="connsiteY9" fmla="*/ 4784651 h 4992300"/>
              <a:gd name="connsiteX10" fmla="*/ 1246871 w 9144000"/>
              <a:gd name="connsiteY10" fmla="*/ 4798784 h 4992300"/>
              <a:gd name="connsiteX11" fmla="*/ 1234261 w 9144000"/>
              <a:gd name="connsiteY11" fmla="*/ 4784556 h 4992300"/>
              <a:gd name="connsiteX12" fmla="*/ 1247252 w 9144000"/>
              <a:gd name="connsiteY12" fmla="*/ 4770660 h 4992300"/>
              <a:gd name="connsiteX13" fmla="*/ 1420466 w 9144000"/>
              <a:gd name="connsiteY13" fmla="*/ 4767044 h 4992300"/>
              <a:gd name="connsiteX14" fmla="*/ 1420466 w 9144000"/>
              <a:gd name="connsiteY14" fmla="*/ 4802305 h 4992300"/>
              <a:gd name="connsiteX15" fmla="*/ 1441689 w 9144000"/>
              <a:gd name="connsiteY15" fmla="*/ 4802305 h 4992300"/>
              <a:gd name="connsiteX16" fmla="*/ 1441689 w 9144000"/>
              <a:gd name="connsiteY16" fmla="*/ 4798213 h 4992300"/>
              <a:gd name="connsiteX17" fmla="*/ 1425272 w 9144000"/>
              <a:gd name="connsiteY17" fmla="*/ 4798213 h 4992300"/>
              <a:gd name="connsiteX18" fmla="*/ 1425272 w 9144000"/>
              <a:gd name="connsiteY18" fmla="*/ 4786649 h 4992300"/>
              <a:gd name="connsiteX19" fmla="*/ 1439452 w 9144000"/>
              <a:gd name="connsiteY19" fmla="*/ 4786649 h 4992300"/>
              <a:gd name="connsiteX20" fmla="*/ 1439452 w 9144000"/>
              <a:gd name="connsiteY20" fmla="*/ 4782557 h 4992300"/>
              <a:gd name="connsiteX21" fmla="*/ 1425224 w 9144000"/>
              <a:gd name="connsiteY21" fmla="*/ 4782557 h 4992300"/>
              <a:gd name="connsiteX22" fmla="*/ 1425224 w 9144000"/>
              <a:gd name="connsiteY22" fmla="*/ 4771089 h 4992300"/>
              <a:gd name="connsiteX23" fmla="*/ 1440547 w 9144000"/>
              <a:gd name="connsiteY23" fmla="*/ 4771089 h 4992300"/>
              <a:gd name="connsiteX24" fmla="*/ 1440547 w 9144000"/>
              <a:gd name="connsiteY24" fmla="*/ 4767044 h 4992300"/>
              <a:gd name="connsiteX25" fmla="*/ 1391343 w 9144000"/>
              <a:gd name="connsiteY25" fmla="*/ 4767044 h 4992300"/>
              <a:gd name="connsiteX26" fmla="*/ 1391343 w 9144000"/>
              <a:gd name="connsiteY26" fmla="*/ 4802305 h 4992300"/>
              <a:gd name="connsiteX27" fmla="*/ 1412566 w 9144000"/>
              <a:gd name="connsiteY27" fmla="*/ 4802305 h 4992300"/>
              <a:gd name="connsiteX28" fmla="*/ 1412566 w 9144000"/>
              <a:gd name="connsiteY28" fmla="*/ 4798213 h 4992300"/>
              <a:gd name="connsiteX29" fmla="*/ 1396101 w 9144000"/>
              <a:gd name="connsiteY29" fmla="*/ 4798213 h 4992300"/>
              <a:gd name="connsiteX30" fmla="*/ 1396101 w 9144000"/>
              <a:gd name="connsiteY30" fmla="*/ 4786649 h 4992300"/>
              <a:gd name="connsiteX31" fmla="*/ 1410330 w 9144000"/>
              <a:gd name="connsiteY31" fmla="*/ 4786649 h 4992300"/>
              <a:gd name="connsiteX32" fmla="*/ 1410330 w 9144000"/>
              <a:gd name="connsiteY32" fmla="*/ 4782557 h 4992300"/>
              <a:gd name="connsiteX33" fmla="*/ 1396101 w 9144000"/>
              <a:gd name="connsiteY33" fmla="*/ 4782557 h 4992300"/>
              <a:gd name="connsiteX34" fmla="*/ 1396101 w 9144000"/>
              <a:gd name="connsiteY34" fmla="*/ 4771089 h 4992300"/>
              <a:gd name="connsiteX35" fmla="*/ 1411424 w 9144000"/>
              <a:gd name="connsiteY35" fmla="*/ 4771089 h 4992300"/>
              <a:gd name="connsiteX36" fmla="*/ 1411424 w 9144000"/>
              <a:gd name="connsiteY36" fmla="*/ 4767044 h 4992300"/>
              <a:gd name="connsiteX37" fmla="*/ 1356129 w 9144000"/>
              <a:gd name="connsiteY37" fmla="*/ 4767044 h 4992300"/>
              <a:gd name="connsiteX38" fmla="*/ 1356129 w 9144000"/>
              <a:gd name="connsiteY38" fmla="*/ 4771231 h 4992300"/>
              <a:gd name="connsiteX39" fmla="*/ 1367883 w 9144000"/>
              <a:gd name="connsiteY39" fmla="*/ 4771231 h 4992300"/>
              <a:gd name="connsiteX40" fmla="*/ 1367883 w 9144000"/>
              <a:gd name="connsiteY40" fmla="*/ 4802305 h 4992300"/>
              <a:gd name="connsiteX41" fmla="*/ 1372689 w 9144000"/>
              <a:gd name="connsiteY41" fmla="*/ 4802305 h 4992300"/>
              <a:gd name="connsiteX42" fmla="*/ 1372689 w 9144000"/>
              <a:gd name="connsiteY42" fmla="*/ 4771231 h 4992300"/>
              <a:gd name="connsiteX43" fmla="*/ 1384443 w 9144000"/>
              <a:gd name="connsiteY43" fmla="*/ 4771231 h 4992300"/>
              <a:gd name="connsiteX44" fmla="*/ 1384443 w 9144000"/>
              <a:gd name="connsiteY44" fmla="*/ 4767044 h 4992300"/>
              <a:gd name="connsiteX45" fmla="*/ 1297170 w 9144000"/>
              <a:gd name="connsiteY45" fmla="*/ 4767044 h 4992300"/>
              <a:gd name="connsiteX46" fmla="*/ 1308686 w 9144000"/>
              <a:gd name="connsiteY46" fmla="*/ 4788934 h 4992300"/>
              <a:gd name="connsiteX47" fmla="*/ 1308686 w 9144000"/>
              <a:gd name="connsiteY47" fmla="*/ 4802305 h 4992300"/>
              <a:gd name="connsiteX48" fmla="*/ 1313444 w 9144000"/>
              <a:gd name="connsiteY48" fmla="*/ 4802305 h 4992300"/>
              <a:gd name="connsiteX49" fmla="*/ 1313444 w 9144000"/>
              <a:gd name="connsiteY49" fmla="*/ 4788934 h 4992300"/>
              <a:gd name="connsiteX50" fmla="*/ 1325722 w 9144000"/>
              <a:gd name="connsiteY50" fmla="*/ 4767044 h 4992300"/>
              <a:gd name="connsiteX51" fmla="*/ 1320487 w 9144000"/>
              <a:gd name="connsiteY51" fmla="*/ 4767044 h 4992300"/>
              <a:gd name="connsiteX52" fmla="*/ 1311232 w 9144000"/>
              <a:gd name="connsiteY52" fmla="*/ 4784368 h 4992300"/>
              <a:gd name="connsiteX53" fmla="*/ 1302547 w 9144000"/>
              <a:gd name="connsiteY53" fmla="*/ 4767044 h 4992300"/>
              <a:gd name="connsiteX54" fmla="*/ 1197620 w 9144000"/>
              <a:gd name="connsiteY54" fmla="*/ 4767044 h 4992300"/>
              <a:gd name="connsiteX55" fmla="*/ 1197620 w 9144000"/>
              <a:gd name="connsiteY55" fmla="*/ 4802305 h 4992300"/>
              <a:gd name="connsiteX56" fmla="*/ 1202426 w 9144000"/>
              <a:gd name="connsiteY56" fmla="*/ 4802305 h 4992300"/>
              <a:gd name="connsiteX57" fmla="*/ 1202426 w 9144000"/>
              <a:gd name="connsiteY57" fmla="*/ 4788600 h 4992300"/>
              <a:gd name="connsiteX58" fmla="*/ 1206709 w 9144000"/>
              <a:gd name="connsiteY58" fmla="*/ 4788600 h 4992300"/>
              <a:gd name="connsiteX59" fmla="*/ 1209754 w 9144000"/>
              <a:gd name="connsiteY59" fmla="*/ 4788362 h 4992300"/>
              <a:gd name="connsiteX60" fmla="*/ 1219414 w 9144000"/>
              <a:gd name="connsiteY60" fmla="*/ 4802258 h 4992300"/>
              <a:gd name="connsiteX61" fmla="*/ 1225077 w 9144000"/>
              <a:gd name="connsiteY61" fmla="*/ 4802258 h 4992300"/>
              <a:gd name="connsiteX62" fmla="*/ 1225124 w 9144000"/>
              <a:gd name="connsiteY62" fmla="*/ 4802305 h 4992300"/>
              <a:gd name="connsiteX63" fmla="*/ 1214560 w 9144000"/>
              <a:gd name="connsiteY63" fmla="*/ 4787173 h 4992300"/>
              <a:gd name="connsiteX64" fmla="*/ 1220842 w 9144000"/>
              <a:gd name="connsiteY64" fmla="*/ 4777513 h 4992300"/>
              <a:gd name="connsiteX65" fmla="*/ 1209278 w 9144000"/>
              <a:gd name="connsiteY65" fmla="*/ 4767044 h 4992300"/>
              <a:gd name="connsiteX66" fmla="*/ 1129619 w 9144000"/>
              <a:gd name="connsiteY66" fmla="*/ 4767044 h 4992300"/>
              <a:gd name="connsiteX67" fmla="*/ 1129619 w 9144000"/>
              <a:gd name="connsiteY67" fmla="*/ 4802305 h 4992300"/>
              <a:gd name="connsiteX68" fmla="*/ 1150842 w 9144000"/>
              <a:gd name="connsiteY68" fmla="*/ 4802305 h 4992300"/>
              <a:gd name="connsiteX69" fmla="*/ 1150842 w 9144000"/>
              <a:gd name="connsiteY69" fmla="*/ 4798213 h 4992300"/>
              <a:gd name="connsiteX70" fmla="*/ 1134425 w 9144000"/>
              <a:gd name="connsiteY70" fmla="*/ 4798213 h 4992300"/>
              <a:gd name="connsiteX71" fmla="*/ 1134378 w 9144000"/>
              <a:gd name="connsiteY71" fmla="*/ 4798213 h 4992300"/>
              <a:gd name="connsiteX72" fmla="*/ 1134378 w 9144000"/>
              <a:gd name="connsiteY72" fmla="*/ 4786649 h 4992300"/>
              <a:gd name="connsiteX73" fmla="*/ 1148606 w 9144000"/>
              <a:gd name="connsiteY73" fmla="*/ 4786649 h 4992300"/>
              <a:gd name="connsiteX74" fmla="*/ 1148606 w 9144000"/>
              <a:gd name="connsiteY74" fmla="*/ 4782557 h 4992300"/>
              <a:gd name="connsiteX75" fmla="*/ 1134378 w 9144000"/>
              <a:gd name="connsiteY75" fmla="*/ 4782557 h 4992300"/>
              <a:gd name="connsiteX76" fmla="*/ 1134378 w 9144000"/>
              <a:gd name="connsiteY76" fmla="*/ 4771089 h 4992300"/>
              <a:gd name="connsiteX77" fmla="*/ 1149700 w 9144000"/>
              <a:gd name="connsiteY77" fmla="*/ 4771089 h 4992300"/>
              <a:gd name="connsiteX78" fmla="*/ 1149700 w 9144000"/>
              <a:gd name="connsiteY78" fmla="*/ 4767044 h 4992300"/>
              <a:gd name="connsiteX79" fmla="*/ 1449541 w 9144000"/>
              <a:gd name="connsiteY79" fmla="*/ 4766996 h 4992300"/>
              <a:gd name="connsiteX80" fmla="*/ 1449541 w 9144000"/>
              <a:gd name="connsiteY80" fmla="*/ 4802258 h 4992300"/>
              <a:gd name="connsiteX81" fmla="*/ 1454299 w 9144000"/>
              <a:gd name="connsiteY81" fmla="*/ 4802258 h 4992300"/>
              <a:gd name="connsiteX82" fmla="*/ 1454299 w 9144000"/>
              <a:gd name="connsiteY82" fmla="*/ 4777275 h 4992300"/>
              <a:gd name="connsiteX83" fmla="*/ 1454157 w 9144000"/>
              <a:gd name="connsiteY83" fmla="*/ 4774515 h 4992300"/>
              <a:gd name="connsiteX84" fmla="*/ 1463864 w 9144000"/>
              <a:gd name="connsiteY84" fmla="*/ 4802258 h 4992300"/>
              <a:gd name="connsiteX85" fmla="*/ 1470146 w 9144000"/>
              <a:gd name="connsiteY85" fmla="*/ 4802258 h 4992300"/>
              <a:gd name="connsiteX86" fmla="*/ 1481185 w 9144000"/>
              <a:gd name="connsiteY86" fmla="*/ 4774087 h 4992300"/>
              <a:gd name="connsiteX87" fmla="*/ 1481090 w 9144000"/>
              <a:gd name="connsiteY87" fmla="*/ 4777180 h 4992300"/>
              <a:gd name="connsiteX88" fmla="*/ 1481090 w 9144000"/>
              <a:gd name="connsiteY88" fmla="*/ 4802258 h 4992300"/>
              <a:gd name="connsiteX89" fmla="*/ 1485897 w 9144000"/>
              <a:gd name="connsiteY89" fmla="*/ 4802258 h 4992300"/>
              <a:gd name="connsiteX90" fmla="*/ 1485897 w 9144000"/>
              <a:gd name="connsiteY90" fmla="*/ 4766996 h 4992300"/>
              <a:gd name="connsiteX91" fmla="*/ 1479615 w 9144000"/>
              <a:gd name="connsiteY91" fmla="*/ 4766996 h 4992300"/>
              <a:gd name="connsiteX92" fmla="*/ 1479615 w 9144000"/>
              <a:gd name="connsiteY92" fmla="*/ 4767044 h 4992300"/>
              <a:gd name="connsiteX93" fmla="*/ 1467195 w 9144000"/>
              <a:gd name="connsiteY93" fmla="*/ 4798403 h 4992300"/>
              <a:gd name="connsiteX94" fmla="*/ 1456155 w 9144000"/>
              <a:gd name="connsiteY94" fmla="*/ 4767282 h 4992300"/>
              <a:gd name="connsiteX95" fmla="*/ 1456060 w 9144000"/>
              <a:gd name="connsiteY95" fmla="*/ 4766996 h 4992300"/>
              <a:gd name="connsiteX96" fmla="*/ 1158313 w 9144000"/>
              <a:gd name="connsiteY96" fmla="*/ 4766996 h 4992300"/>
              <a:gd name="connsiteX97" fmla="*/ 1158313 w 9144000"/>
              <a:gd name="connsiteY97" fmla="*/ 4789885 h 4992300"/>
              <a:gd name="connsiteX98" fmla="*/ 1172589 w 9144000"/>
              <a:gd name="connsiteY98" fmla="*/ 4802829 h 4992300"/>
              <a:gd name="connsiteX99" fmla="*/ 1186675 w 9144000"/>
              <a:gd name="connsiteY99" fmla="*/ 4788553 h 4992300"/>
              <a:gd name="connsiteX100" fmla="*/ 1186675 w 9144000"/>
              <a:gd name="connsiteY100" fmla="*/ 4766996 h 4992300"/>
              <a:gd name="connsiteX101" fmla="*/ 1182011 w 9144000"/>
              <a:gd name="connsiteY101" fmla="*/ 4766996 h 4992300"/>
              <a:gd name="connsiteX102" fmla="*/ 1182011 w 9144000"/>
              <a:gd name="connsiteY102" fmla="*/ 4788410 h 4992300"/>
              <a:gd name="connsiteX103" fmla="*/ 1182059 w 9144000"/>
              <a:gd name="connsiteY103" fmla="*/ 4788458 h 4992300"/>
              <a:gd name="connsiteX104" fmla="*/ 1172637 w 9144000"/>
              <a:gd name="connsiteY104" fmla="*/ 4798641 h 4992300"/>
              <a:gd name="connsiteX105" fmla="*/ 1163262 w 9144000"/>
              <a:gd name="connsiteY105" fmla="*/ 4789552 h 4992300"/>
              <a:gd name="connsiteX106" fmla="*/ 1163262 w 9144000"/>
              <a:gd name="connsiteY106" fmla="*/ 4766996 h 4992300"/>
              <a:gd name="connsiteX107" fmla="*/ 1340711 w 9144000"/>
              <a:gd name="connsiteY107" fmla="*/ 4766616 h 4992300"/>
              <a:gd name="connsiteX108" fmla="*/ 1330147 w 9144000"/>
              <a:gd name="connsiteY108" fmla="*/ 4775324 h 4992300"/>
              <a:gd name="connsiteX109" fmla="*/ 1339664 w 9144000"/>
              <a:gd name="connsiteY109" fmla="*/ 4785983 h 4992300"/>
              <a:gd name="connsiteX110" fmla="*/ 1347040 w 9144000"/>
              <a:gd name="connsiteY110" fmla="*/ 4793216 h 4992300"/>
              <a:gd name="connsiteX111" fmla="*/ 1339141 w 9144000"/>
              <a:gd name="connsiteY111" fmla="*/ 4798594 h 4992300"/>
              <a:gd name="connsiteX112" fmla="*/ 1331146 w 9144000"/>
              <a:gd name="connsiteY112" fmla="*/ 4796833 h 4992300"/>
              <a:gd name="connsiteX113" fmla="*/ 1330766 w 9144000"/>
              <a:gd name="connsiteY113" fmla="*/ 4796690 h 4992300"/>
              <a:gd name="connsiteX114" fmla="*/ 1329100 w 9144000"/>
              <a:gd name="connsiteY114" fmla="*/ 4800592 h 4992300"/>
              <a:gd name="connsiteX115" fmla="*/ 1329433 w 9144000"/>
              <a:gd name="connsiteY115" fmla="*/ 4800735 h 4992300"/>
              <a:gd name="connsiteX116" fmla="*/ 1339236 w 9144000"/>
              <a:gd name="connsiteY116" fmla="*/ 4802876 h 4992300"/>
              <a:gd name="connsiteX117" fmla="*/ 1351751 w 9144000"/>
              <a:gd name="connsiteY117" fmla="*/ 4792931 h 4992300"/>
              <a:gd name="connsiteX118" fmla="*/ 1341901 w 9144000"/>
              <a:gd name="connsiteY118" fmla="*/ 4781891 h 4992300"/>
              <a:gd name="connsiteX119" fmla="*/ 1341806 w 9144000"/>
              <a:gd name="connsiteY119" fmla="*/ 4781891 h 4992300"/>
              <a:gd name="connsiteX120" fmla="*/ 1334668 w 9144000"/>
              <a:gd name="connsiteY120" fmla="*/ 4775181 h 4992300"/>
              <a:gd name="connsiteX121" fmla="*/ 1340759 w 9144000"/>
              <a:gd name="connsiteY121" fmla="*/ 4770708 h 4992300"/>
              <a:gd name="connsiteX122" fmla="*/ 1347801 w 9144000"/>
              <a:gd name="connsiteY122" fmla="*/ 4771993 h 4992300"/>
              <a:gd name="connsiteX123" fmla="*/ 1348182 w 9144000"/>
              <a:gd name="connsiteY123" fmla="*/ 4772136 h 4992300"/>
              <a:gd name="connsiteX124" fmla="*/ 1349562 w 9144000"/>
              <a:gd name="connsiteY124" fmla="*/ 4768471 h 4992300"/>
              <a:gd name="connsiteX125" fmla="*/ 1349229 w 9144000"/>
              <a:gd name="connsiteY125" fmla="*/ 4768329 h 4992300"/>
              <a:gd name="connsiteX126" fmla="*/ 1340711 w 9144000"/>
              <a:gd name="connsiteY126" fmla="*/ 4766616 h 4992300"/>
              <a:gd name="connsiteX127" fmla="*/ 1282085 w 9144000"/>
              <a:gd name="connsiteY127" fmla="*/ 4766616 h 4992300"/>
              <a:gd name="connsiteX128" fmla="*/ 1271521 w 9144000"/>
              <a:gd name="connsiteY128" fmla="*/ 4775324 h 4992300"/>
              <a:gd name="connsiteX129" fmla="*/ 1281038 w 9144000"/>
              <a:gd name="connsiteY129" fmla="*/ 4785983 h 4992300"/>
              <a:gd name="connsiteX130" fmla="*/ 1288414 w 9144000"/>
              <a:gd name="connsiteY130" fmla="*/ 4793216 h 4992300"/>
              <a:gd name="connsiteX131" fmla="*/ 1280515 w 9144000"/>
              <a:gd name="connsiteY131" fmla="*/ 4798594 h 4992300"/>
              <a:gd name="connsiteX132" fmla="*/ 1272520 w 9144000"/>
              <a:gd name="connsiteY132" fmla="*/ 4796833 h 4992300"/>
              <a:gd name="connsiteX133" fmla="*/ 1272140 w 9144000"/>
              <a:gd name="connsiteY133" fmla="*/ 4796690 h 4992300"/>
              <a:gd name="connsiteX134" fmla="*/ 1270474 w 9144000"/>
              <a:gd name="connsiteY134" fmla="*/ 4800592 h 4992300"/>
              <a:gd name="connsiteX135" fmla="*/ 1270807 w 9144000"/>
              <a:gd name="connsiteY135" fmla="*/ 4800735 h 4992300"/>
              <a:gd name="connsiteX136" fmla="*/ 1280610 w 9144000"/>
              <a:gd name="connsiteY136" fmla="*/ 4802876 h 4992300"/>
              <a:gd name="connsiteX137" fmla="*/ 1293125 w 9144000"/>
              <a:gd name="connsiteY137" fmla="*/ 4792931 h 4992300"/>
              <a:gd name="connsiteX138" fmla="*/ 1283275 w 9144000"/>
              <a:gd name="connsiteY138" fmla="*/ 4781891 h 4992300"/>
              <a:gd name="connsiteX139" fmla="*/ 1283179 w 9144000"/>
              <a:gd name="connsiteY139" fmla="*/ 4781891 h 4992300"/>
              <a:gd name="connsiteX140" fmla="*/ 1276042 w 9144000"/>
              <a:gd name="connsiteY140" fmla="*/ 4775181 h 4992300"/>
              <a:gd name="connsiteX141" fmla="*/ 1282133 w 9144000"/>
              <a:gd name="connsiteY141" fmla="*/ 4770708 h 4992300"/>
              <a:gd name="connsiteX142" fmla="*/ 1289175 w 9144000"/>
              <a:gd name="connsiteY142" fmla="*/ 4771993 h 4992300"/>
              <a:gd name="connsiteX143" fmla="*/ 1289556 w 9144000"/>
              <a:gd name="connsiteY143" fmla="*/ 4772136 h 4992300"/>
              <a:gd name="connsiteX144" fmla="*/ 1290936 w 9144000"/>
              <a:gd name="connsiteY144" fmla="*/ 4768471 h 4992300"/>
              <a:gd name="connsiteX145" fmla="*/ 1290603 w 9144000"/>
              <a:gd name="connsiteY145" fmla="*/ 4768329 h 4992300"/>
              <a:gd name="connsiteX146" fmla="*/ 1282085 w 9144000"/>
              <a:gd name="connsiteY146" fmla="*/ 4766616 h 4992300"/>
              <a:gd name="connsiteX147" fmla="*/ 1247680 w 9144000"/>
              <a:gd name="connsiteY147" fmla="*/ 4766568 h 4992300"/>
              <a:gd name="connsiteX148" fmla="*/ 1229502 w 9144000"/>
              <a:gd name="connsiteY148" fmla="*/ 4784603 h 4992300"/>
              <a:gd name="connsiteX149" fmla="*/ 1246776 w 9144000"/>
              <a:gd name="connsiteY149" fmla="*/ 4802876 h 4992300"/>
              <a:gd name="connsiteX150" fmla="*/ 1264811 w 9144000"/>
              <a:gd name="connsiteY150" fmla="*/ 4784698 h 4992300"/>
              <a:gd name="connsiteX151" fmla="*/ 1247680 w 9144000"/>
              <a:gd name="connsiteY151" fmla="*/ 4766568 h 4992300"/>
              <a:gd name="connsiteX152" fmla="*/ 507049 w 9144000"/>
              <a:gd name="connsiteY152" fmla="*/ 4475388 h 4992300"/>
              <a:gd name="connsiteX153" fmla="*/ 507049 w 9144000"/>
              <a:gd name="connsiteY153" fmla="*/ 4731782 h 4992300"/>
              <a:gd name="connsiteX154" fmla="*/ 1532673 w 9144000"/>
              <a:gd name="connsiteY154" fmla="*/ 4731782 h 4992300"/>
              <a:gd name="connsiteX155" fmla="*/ 1532673 w 9144000"/>
              <a:gd name="connsiteY155" fmla="*/ 4475388 h 4992300"/>
              <a:gd name="connsiteX156" fmla="*/ 0 w 9144000"/>
              <a:gd name="connsiteY156" fmla="*/ 0 h 4992300"/>
              <a:gd name="connsiteX157" fmla="*/ 9144000 w 9144000"/>
              <a:gd name="connsiteY157" fmla="*/ 0 h 4992300"/>
              <a:gd name="connsiteX158" fmla="*/ 9144000 w 9144000"/>
              <a:gd name="connsiteY158" fmla="*/ 4992300 h 4992300"/>
              <a:gd name="connsiteX159" fmla="*/ 0 w 9144000"/>
              <a:gd name="connsiteY159" fmla="*/ 4992300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9144000" h="4992300">
                <a:moveTo>
                  <a:pt x="1311232" y="4784368"/>
                </a:moveTo>
                <a:lnTo>
                  <a:pt x="1311255" y="4784413"/>
                </a:lnTo>
                <a:lnTo>
                  <a:pt x="1311208" y="4784413"/>
                </a:lnTo>
                <a:close/>
                <a:moveTo>
                  <a:pt x="1202473" y="4771089"/>
                </a:moveTo>
                <a:lnTo>
                  <a:pt x="1208231" y="4771089"/>
                </a:lnTo>
                <a:cubicBezTo>
                  <a:pt x="1213656" y="4771089"/>
                  <a:pt x="1215845" y="4773040"/>
                  <a:pt x="1215845" y="4777846"/>
                </a:cubicBezTo>
                <a:cubicBezTo>
                  <a:pt x="1215845" y="4782367"/>
                  <a:pt x="1213038" y="4784460"/>
                  <a:pt x="1207042" y="4784460"/>
                </a:cubicBezTo>
                <a:lnTo>
                  <a:pt x="1202473" y="4784460"/>
                </a:lnTo>
                <a:close/>
                <a:moveTo>
                  <a:pt x="1247252" y="4770660"/>
                </a:moveTo>
                <a:cubicBezTo>
                  <a:pt x="1255008" y="4770660"/>
                  <a:pt x="1260005" y="4775800"/>
                  <a:pt x="1260005" y="4784651"/>
                </a:cubicBezTo>
                <a:cubicBezTo>
                  <a:pt x="1260005" y="4793502"/>
                  <a:pt x="1255104" y="4798784"/>
                  <a:pt x="1246871" y="4798784"/>
                </a:cubicBezTo>
                <a:cubicBezTo>
                  <a:pt x="1241066" y="4798784"/>
                  <a:pt x="1234261" y="4795072"/>
                  <a:pt x="1234261" y="4784556"/>
                </a:cubicBezTo>
                <a:cubicBezTo>
                  <a:pt x="1234261" y="4775990"/>
                  <a:pt x="1239495" y="4770660"/>
                  <a:pt x="1247252" y="4770660"/>
                </a:cubicBezTo>
                <a:close/>
                <a:moveTo>
                  <a:pt x="1420466" y="4767044"/>
                </a:moveTo>
                <a:lnTo>
                  <a:pt x="1420466" y="4802305"/>
                </a:lnTo>
                <a:lnTo>
                  <a:pt x="1441689" y="4802305"/>
                </a:lnTo>
                <a:lnTo>
                  <a:pt x="1441689" y="4798213"/>
                </a:lnTo>
                <a:lnTo>
                  <a:pt x="1425272" y="4798213"/>
                </a:lnTo>
                <a:lnTo>
                  <a:pt x="1425272" y="4786649"/>
                </a:lnTo>
                <a:lnTo>
                  <a:pt x="1439452" y="4786649"/>
                </a:lnTo>
                <a:lnTo>
                  <a:pt x="1439452" y="4782557"/>
                </a:lnTo>
                <a:lnTo>
                  <a:pt x="1425224" y="4782557"/>
                </a:lnTo>
                <a:lnTo>
                  <a:pt x="1425224" y="4771089"/>
                </a:lnTo>
                <a:lnTo>
                  <a:pt x="1440547" y="4771089"/>
                </a:lnTo>
                <a:lnTo>
                  <a:pt x="1440547" y="4767044"/>
                </a:lnTo>
                <a:close/>
                <a:moveTo>
                  <a:pt x="1391343" y="4767044"/>
                </a:moveTo>
                <a:lnTo>
                  <a:pt x="1391343" y="4802305"/>
                </a:lnTo>
                <a:lnTo>
                  <a:pt x="1412566" y="4802305"/>
                </a:lnTo>
                <a:lnTo>
                  <a:pt x="1412566" y="4798213"/>
                </a:lnTo>
                <a:lnTo>
                  <a:pt x="1396101" y="4798213"/>
                </a:lnTo>
                <a:lnTo>
                  <a:pt x="1396101" y="4786649"/>
                </a:lnTo>
                <a:lnTo>
                  <a:pt x="1410330" y="4786649"/>
                </a:lnTo>
                <a:lnTo>
                  <a:pt x="1410330" y="4782557"/>
                </a:lnTo>
                <a:lnTo>
                  <a:pt x="1396101" y="4782557"/>
                </a:lnTo>
                <a:lnTo>
                  <a:pt x="1396101" y="4771089"/>
                </a:lnTo>
                <a:lnTo>
                  <a:pt x="1411424" y="4771089"/>
                </a:lnTo>
                <a:lnTo>
                  <a:pt x="1411424" y="4767044"/>
                </a:lnTo>
                <a:close/>
                <a:moveTo>
                  <a:pt x="1356129" y="4767044"/>
                </a:moveTo>
                <a:lnTo>
                  <a:pt x="1356129" y="4771231"/>
                </a:lnTo>
                <a:lnTo>
                  <a:pt x="1367883" y="4771231"/>
                </a:lnTo>
                <a:lnTo>
                  <a:pt x="1367883" y="4802305"/>
                </a:lnTo>
                <a:lnTo>
                  <a:pt x="1372689" y="4802305"/>
                </a:lnTo>
                <a:lnTo>
                  <a:pt x="1372689" y="4771231"/>
                </a:lnTo>
                <a:lnTo>
                  <a:pt x="1384443" y="4771231"/>
                </a:lnTo>
                <a:lnTo>
                  <a:pt x="1384443" y="4767044"/>
                </a:lnTo>
                <a:close/>
                <a:moveTo>
                  <a:pt x="1297170" y="4767044"/>
                </a:moveTo>
                <a:lnTo>
                  <a:pt x="1308686" y="4788934"/>
                </a:lnTo>
                <a:lnTo>
                  <a:pt x="1308686" y="4802305"/>
                </a:lnTo>
                <a:lnTo>
                  <a:pt x="1313444" y="4802305"/>
                </a:lnTo>
                <a:lnTo>
                  <a:pt x="1313444" y="4788934"/>
                </a:lnTo>
                <a:lnTo>
                  <a:pt x="1325722" y="4767044"/>
                </a:lnTo>
                <a:lnTo>
                  <a:pt x="1320487" y="4767044"/>
                </a:lnTo>
                <a:lnTo>
                  <a:pt x="1311232" y="4784368"/>
                </a:lnTo>
                <a:lnTo>
                  <a:pt x="1302547" y="4767044"/>
                </a:lnTo>
                <a:close/>
                <a:moveTo>
                  <a:pt x="1197620" y="4767044"/>
                </a:moveTo>
                <a:lnTo>
                  <a:pt x="1197620" y="4802305"/>
                </a:lnTo>
                <a:lnTo>
                  <a:pt x="1202426" y="4802305"/>
                </a:lnTo>
                <a:lnTo>
                  <a:pt x="1202426" y="4788600"/>
                </a:lnTo>
                <a:lnTo>
                  <a:pt x="1206709" y="4788600"/>
                </a:lnTo>
                <a:cubicBezTo>
                  <a:pt x="1207708" y="4788600"/>
                  <a:pt x="1208897" y="4788505"/>
                  <a:pt x="1209754" y="4788362"/>
                </a:cubicBezTo>
                <a:lnTo>
                  <a:pt x="1219414" y="4802258"/>
                </a:lnTo>
                <a:lnTo>
                  <a:pt x="1225077" y="4802258"/>
                </a:lnTo>
                <a:lnTo>
                  <a:pt x="1225124" y="4802305"/>
                </a:lnTo>
                <a:lnTo>
                  <a:pt x="1214560" y="4787173"/>
                </a:lnTo>
                <a:cubicBezTo>
                  <a:pt x="1218605" y="4785460"/>
                  <a:pt x="1220842" y="4782034"/>
                  <a:pt x="1220842" y="4777513"/>
                </a:cubicBezTo>
                <a:cubicBezTo>
                  <a:pt x="1220842" y="4770851"/>
                  <a:pt x="1216654" y="4767044"/>
                  <a:pt x="1209278" y="4767044"/>
                </a:cubicBezTo>
                <a:close/>
                <a:moveTo>
                  <a:pt x="1129619" y="4767044"/>
                </a:moveTo>
                <a:lnTo>
                  <a:pt x="1129619" y="4802305"/>
                </a:lnTo>
                <a:lnTo>
                  <a:pt x="1150842" y="4802305"/>
                </a:lnTo>
                <a:lnTo>
                  <a:pt x="1150842" y="4798213"/>
                </a:lnTo>
                <a:lnTo>
                  <a:pt x="1134425" y="4798213"/>
                </a:lnTo>
                <a:lnTo>
                  <a:pt x="1134378" y="4798213"/>
                </a:lnTo>
                <a:lnTo>
                  <a:pt x="1134378" y="4786649"/>
                </a:lnTo>
                <a:lnTo>
                  <a:pt x="1148606" y="4786649"/>
                </a:lnTo>
                <a:lnTo>
                  <a:pt x="1148606" y="4782557"/>
                </a:lnTo>
                <a:lnTo>
                  <a:pt x="1134378" y="4782557"/>
                </a:lnTo>
                <a:lnTo>
                  <a:pt x="1134378" y="4771089"/>
                </a:lnTo>
                <a:lnTo>
                  <a:pt x="1149700" y="4771089"/>
                </a:lnTo>
                <a:lnTo>
                  <a:pt x="1149700" y="4767044"/>
                </a:lnTo>
                <a:close/>
                <a:moveTo>
                  <a:pt x="1449541" y="4766996"/>
                </a:moveTo>
                <a:lnTo>
                  <a:pt x="1449541" y="4802258"/>
                </a:lnTo>
                <a:lnTo>
                  <a:pt x="1454299" y="4802258"/>
                </a:lnTo>
                <a:lnTo>
                  <a:pt x="1454299" y="4777275"/>
                </a:lnTo>
                <a:lnTo>
                  <a:pt x="1454157" y="4774515"/>
                </a:lnTo>
                <a:lnTo>
                  <a:pt x="1463864" y="4802258"/>
                </a:lnTo>
                <a:lnTo>
                  <a:pt x="1470146" y="4802258"/>
                </a:lnTo>
                <a:lnTo>
                  <a:pt x="1481185" y="4774087"/>
                </a:lnTo>
                <a:lnTo>
                  <a:pt x="1481090" y="4777180"/>
                </a:lnTo>
                <a:lnTo>
                  <a:pt x="1481090" y="4802258"/>
                </a:lnTo>
                <a:lnTo>
                  <a:pt x="1485897" y="4802258"/>
                </a:lnTo>
                <a:lnTo>
                  <a:pt x="1485897" y="4766996"/>
                </a:lnTo>
                <a:lnTo>
                  <a:pt x="1479615" y="4766996"/>
                </a:lnTo>
                <a:lnTo>
                  <a:pt x="1479615" y="4767044"/>
                </a:lnTo>
                <a:lnTo>
                  <a:pt x="1467195" y="4798403"/>
                </a:lnTo>
                <a:lnTo>
                  <a:pt x="1456155" y="4767282"/>
                </a:lnTo>
                <a:lnTo>
                  <a:pt x="1456060" y="4766996"/>
                </a:lnTo>
                <a:close/>
                <a:moveTo>
                  <a:pt x="1158313" y="4766996"/>
                </a:moveTo>
                <a:lnTo>
                  <a:pt x="1158313" y="4789885"/>
                </a:lnTo>
                <a:cubicBezTo>
                  <a:pt x="1158313" y="4801163"/>
                  <a:pt x="1167260" y="4802829"/>
                  <a:pt x="1172589" y="4802829"/>
                </a:cubicBezTo>
                <a:cubicBezTo>
                  <a:pt x="1176824" y="4802829"/>
                  <a:pt x="1186675" y="4801449"/>
                  <a:pt x="1186675" y="4788553"/>
                </a:cubicBezTo>
                <a:lnTo>
                  <a:pt x="1186675" y="4766996"/>
                </a:lnTo>
                <a:lnTo>
                  <a:pt x="1182011" y="4766996"/>
                </a:lnTo>
                <a:lnTo>
                  <a:pt x="1182011" y="4788410"/>
                </a:lnTo>
                <a:lnTo>
                  <a:pt x="1182059" y="4788458"/>
                </a:lnTo>
                <a:cubicBezTo>
                  <a:pt x="1182059" y="4795215"/>
                  <a:pt x="1178918" y="4798641"/>
                  <a:pt x="1172637" y="4798641"/>
                </a:cubicBezTo>
                <a:cubicBezTo>
                  <a:pt x="1166355" y="4798641"/>
                  <a:pt x="1163262" y="4795596"/>
                  <a:pt x="1163262" y="4789552"/>
                </a:cubicBezTo>
                <a:lnTo>
                  <a:pt x="1163262" y="4766996"/>
                </a:lnTo>
                <a:close/>
                <a:moveTo>
                  <a:pt x="1340711" y="4766616"/>
                </a:moveTo>
                <a:cubicBezTo>
                  <a:pt x="1334287" y="4766616"/>
                  <a:pt x="1330147" y="4770042"/>
                  <a:pt x="1330147" y="4775324"/>
                </a:cubicBezTo>
                <a:cubicBezTo>
                  <a:pt x="1330147" y="4781605"/>
                  <a:pt x="1335191" y="4783937"/>
                  <a:pt x="1339664" y="4785983"/>
                </a:cubicBezTo>
                <a:cubicBezTo>
                  <a:pt x="1343614" y="4787839"/>
                  <a:pt x="1347040" y="4789409"/>
                  <a:pt x="1347040" y="4793216"/>
                </a:cubicBezTo>
                <a:cubicBezTo>
                  <a:pt x="1347040" y="4798213"/>
                  <a:pt x="1340997" y="4798594"/>
                  <a:pt x="1339141" y="4798594"/>
                </a:cubicBezTo>
                <a:cubicBezTo>
                  <a:pt x="1335810" y="4798594"/>
                  <a:pt x="1333573" y="4797880"/>
                  <a:pt x="1331146" y="4796833"/>
                </a:cubicBezTo>
                <a:lnTo>
                  <a:pt x="1330766" y="4796690"/>
                </a:lnTo>
                <a:lnTo>
                  <a:pt x="1329100" y="4800592"/>
                </a:lnTo>
                <a:lnTo>
                  <a:pt x="1329433" y="4800735"/>
                </a:lnTo>
                <a:cubicBezTo>
                  <a:pt x="1331432" y="4801782"/>
                  <a:pt x="1334192" y="4802876"/>
                  <a:pt x="1339236" y="4802876"/>
                </a:cubicBezTo>
                <a:cubicBezTo>
                  <a:pt x="1346945" y="4802876"/>
                  <a:pt x="1351751" y="4799069"/>
                  <a:pt x="1351751" y="4792931"/>
                </a:cubicBezTo>
                <a:cubicBezTo>
                  <a:pt x="1351751" y="4786792"/>
                  <a:pt x="1346517" y="4784127"/>
                  <a:pt x="1341901" y="4781891"/>
                </a:cubicBezTo>
                <a:lnTo>
                  <a:pt x="1341806" y="4781891"/>
                </a:lnTo>
                <a:cubicBezTo>
                  <a:pt x="1337951" y="4780035"/>
                  <a:pt x="1334668" y="4778417"/>
                  <a:pt x="1334668" y="4775181"/>
                </a:cubicBezTo>
                <a:cubicBezTo>
                  <a:pt x="1334668" y="4771279"/>
                  <a:pt x="1338475" y="4770708"/>
                  <a:pt x="1340759" y="4770708"/>
                </a:cubicBezTo>
                <a:cubicBezTo>
                  <a:pt x="1343899" y="4770708"/>
                  <a:pt x="1345803" y="4771279"/>
                  <a:pt x="1347801" y="4771993"/>
                </a:cubicBezTo>
                <a:lnTo>
                  <a:pt x="1348182" y="4772136"/>
                </a:lnTo>
                <a:lnTo>
                  <a:pt x="1349562" y="4768471"/>
                </a:lnTo>
                <a:lnTo>
                  <a:pt x="1349229" y="4768329"/>
                </a:lnTo>
                <a:cubicBezTo>
                  <a:pt x="1347183" y="4767425"/>
                  <a:pt x="1344756" y="4766616"/>
                  <a:pt x="1340711" y="4766616"/>
                </a:cubicBezTo>
                <a:close/>
                <a:moveTo>
                  <a:pt x="1282085" y="4766616"/>
                </a:moveTo>
                <a:cubicBezTo>
                  <a:pt x="1275661" y="4766616"/>
                  <a:pt x="1271521" y="4770042"/>
                  <a:pt x="1271521" y="4775324"/>
                </a:cubicBezTo>
                <a:cubicBezTo>
                  <a:pt x="1271521" y="4781605"/>
                  <a:pt x="1276565" y="4783937"/>
                  <a:pt x="1281038" y="4785983"/>
                </a:cubicBezTo>
                <a:cubicBezTo>
                  <a:pt x="1284988" y="4787839"/>
                  <a:pt x="1288414" y="4789409"/>
                  <a:pt x="1288414" y="4793216"/>
                </a:cubicBezTo>
                <a:cubicBezTo>
                  <a:pt x="1288414" y="4798213"/>
                  <a:pt x="1282371" y="4798594"/>
                  <a:pt x="1280515" y="4798594"/>
                </a:cubicBezTo>
                <a:cubicBezTo>
                  <a:pt x="1277231" y="4798594"/>
                  <a:pt x="1274947" y="4797880"/>
                  <a:pt x="1272520" y="4796833"/>
                </a:cubicBezTo>
                <a:lnTo>
                  <a:pt x="1272140" y="4796690"/>
                </a:lnTo>
                <a:lnTo>
                  <a:pt x="1270474" y="4800592"/>
                </a:lnTo>
                <a:lnTo>
                  <a:pt x="1270807" y="4800735"/>
                </a:lnTo>
                <a:cubicBezTo>
                  <a:pt x="1272806" y="4801782"/>
                  <a:pt x="1275566" y="4802876"/>
                  <a:pt x="1280610" y="4802876"/>
                </a:cubicBezTo>
                <a:cubicBezTo>
                  <a:pt x="1288319" y="4802876"/>
                  <a:pt x="1293125" y="4799069"/>
                  <a:pt x="1293125" y="4792931"/>
                </a:cubicBezTo>
                <a:cubicBezTo>
                  <a:pt x="1293125" y="4786792"/>
                  <a:pt x="1287891" y="4784127"/>
                  <a:pt x="1283275" y="4781891"/>
                </a:cubicBezTo>
                <a:lnTo>
                  <a:pt x="1283179" y="4781891"/>
                </a:lnTo>
                <a:cubicBezTo>
                  <a:pt x="1279325" y="4780035"/>
                  <a:pt x="1276042" y="4778417"/>
                  <a:pt x="1276042" y="4775181"/>
                </a:cubicBezTo>
                <a:cubicBezTo>
                  <a:pt x="1276042" y="4771279"/>
                  <a:pt x="1279848" y="4770708"/>
                  <a:pt x="1282133" y="4770708"/>
                </a:cubicBezTo>
                <a:cubicBezTo>
                  <a:pt x="1285273" y="4770708"/>
                  <a:pt x="1287177" y="4771279"/>
                  <a:pt x="1289175" y="4771993"/>
                </a:cubicBezTo>
                <a:lnTo>
                  <a:pt x="1289556" y="4772136"/>
                </a:lnTo>
                <a:lnTo>
                  <a:pt x="1290936" y="4768471"/>
                </a:lnTo>
                <a:lnTo>
                  <a:pt x="1290603" y="4768329"/>
                </a:lnTo>
                <a:cubicBezTo>
                  <a:pt x="1288557" y="4767425"/>
                  <a:pt x="1286082" y="4766616"/>
                  <a:pt x="1282085" y="4766616"/>
                </a:cubicBezTo>
                <a:close/>
                <a:moveTo>
                  <a:pt x="1247680" y="4766568"/>
                </a:moveTo>
                <a:cubicBezTo>
                  <a:pt x="1236831" y="4766568"/>
                  <a:pt x="1229502" y="4773516"/>
                  <a:pt x="1229502" y="4784603"/>
                </a:cubicBezTo>
                <a:cubicBezTo>
                  <a:pt x="1229502" y="4795691"/>
                  <a:pt x="1235831" y="4802876"/>
                  <a:pt x="1246776" y="4802876"/>
                </a:cubicBezTo>
                <a:cubicBezTo>
                  <a:pt x="1257721" y="4802876"/>
                  <a:pt x="1264811" y="4795738"/>
                  <a:pt x="1264811" y="4784698"/>
                </a:cubicBezTo>
                <a:cubicBezTo>
                  <a:pt x="1264811" y="4773516"/>
                  <a:pt x="1258530" y="4766568"/>
                  <a:pt x="1247680" y="4766568"/>
                </a:cubicBezTo>
                <a:close/>
                <a:moveTo>
                  <a:pt x="507049" y="4475388"/>
                </a:moveTo>
                <a:lnTo>
                  <a:pt x="507049" y="4731782"/>
                </a:lnTo>
                <a:lnTo>
                  <a:pt x="1532673" y="4731782"/>
                </a:lnTo>
                <a:lnTo>
                  <a:pt x="1532673" y="4475388"/>
                </a:lnTo>
                <a:close/>
                <a:moveTo>
                  <a:pt x="0" y="0"/>
                </a:moveTo>
                <a:lnTo>
                  <a:pt x="9144000" y="0"/>
                </a:lnTo>
                <a:lnTo>
                  <a:pt x="9144000" y="4992300"/>
                </a:lnTo>
                <a:lnTo>
                  <a:pt x="0" y="4992300"/>
                </a:lnTo>
                <a:close/>
              </a:path>
            </a:pathLst>
          </a:custGeom>
          <a:solidFill>
            <a:schemeClr val="bg1">
              <a:lumMod val="85000"/>
            </a:schemeClr>
          </a:solidFill>
        </p:spPr>
        <p:txBody>
          <a:bodyPr wrap="square" anchor="ctr">
            <a:noAutofit/>
          </a:bodyPr>
          <a:lstStyle>
            <a:lvl1pPr algn="ctr">
              <a:defRPr/>
            </a:lvl1pPr>
          </a:lstStyle>
          <a:p>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lvl1pPr>
              <a:defRPr sz="1000">
                <a:solidFill>
                  <a:schemeClr val="bg1"/>
                </a:solidFill>
              </a:defRPr>
            </a:lvl1pPr>
          </a:lstStyle>
          <a:p>
            <a:fld id="{A57ACD69-77E0-4B27-BE9A-0E1A45A60CED}" type="slidenum">
              <a:rPr lang="en-US" smtClean="0"/>
              <a:pPr/>
              <a:t>‹nr.›</a:t>
            </a:fld>
            <a:endParaRPr lang="en-GB"/>
          </a:p>
        </p:txBody>
      </p:sp>
      <p:sp>
        <p:nvSpPr>
          <p:cNvPr id="4" name="Title 3">
            <a:extLst>
              <a:ext uri="{FF2B5EF4-FFF2-40B4-BE49-F238E27FC236}">
                <a16:creationId xmlns:a16="http://schemas.microsoft.com/office/drawing/2014/main" id="{567CDBB1-23E6-E1D2-68A9-BF87B547C29F}"/>
              </a:ext>
            </a:extLst>
          </p:cNvPr>
          <p:cNvSpPr>
            <a:spLocks noGrp="1"/>
          </p:cNvSpPr>
          <p:nvPr>
            <p:ph type="title"/>
          </p:nvPr>
        </p:nvSpPr>
        <p:spPr/>
        <p:txBody>
          <a:bodyPr/>
          <a:lstStyle/>
          <a:p>
            <a:r>
              <a:rPr lang="en-US"/>
              <a:t>Click to edit Master title style</a:t>
            </a:r>
            <a:endParaRPr lang="en-GB"/>
          </a:p>
        </p:txBody>
      </p:sp>
      <p:pic>
        <p:nvPicPr>
          <p:cNvPr id="2" name="Picture 1">
            <a:extLst>
              <a:ext uri="{FF2B5EF4-FFF2-40B4-BE49-F238E27FC236}">
                <a16:creationId xmlns:a16="http://schemas.microsoft.com/office/drawing/2014/main" id="{6C8B0A42-0931-8049-5EBA-A717B69D39D4}"/>
              </a:ext>
            </a:extLst>
          </p:cNvPr>
          <p:cNvPicPr>
            <a:picLocks noChangeAspect="1"/>
          </p:cNvPicPr>
          <p:nvPr userDrawn="1"/>
        </p:nvPicPr>
        <p:blipFill>
          <a:blip r:embed="rId4"/>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197894258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Voorpagina (Roo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99671FAB-65E6-606E-8018-4C0A1300A34D}"/>
              </a:ext>
            </a:extLst>
          </p:cNvPr>
          <p:cNvSpPr/>
          <p:nvPr userDrawn="1"/>
        </p:nvSpPr>
        <p:spPr>
          <a:xfrm>
            <a:off x="0" y="265318"/>
            <a:ext cx="9144000" cy="4878182"/>
          </a:xfrm>
          <a:prstGeom prst="rect">
            <a:avLst/>
          </a:prstGeom>
          <a:solidFill>
            <a:srgbClr val="E85E5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11" name="Picture 10">
            <a:extLst>
              <a:ext uri="{FF2B5EF4-FFF2-40B4-BE49-F238E27FC236}">
                <a16:creationId xmlns:a16="http://schemas.microsoft.com/office/drawing/2014/main" id="{93057464-881F-F2AC-F644-69FCD8F89F54}"/>
              </a:ext>
            </a:extLst>
          </p:cNvPr>
          <p:cNvPicPr>
            <a:picLocks noChangeAspect="1"/>
          </p:cNvPicPr>
          <p:nvPr userDrawn="1"/>
        </p:nvPicPr>
        <p:blipFill>
          <a:blip r:embed="rId2"/>
          <a:srcRect t="2940"/>
          <a:stretch>
            <a:fillRect/>
          </a:stretch>
        </p:blipFill>
        <p:spPr>
          <a:xfrm>
            <a:off x="7143" y="265318"/>
            <a:ext cx="7287816" cy="4878182"/>
          </a:xfrm>
          <a:custGeom>
            <a:avLst/>
            <a:gdLst>
              <a:gd name="connsiteX0" fmla="*/ 0 w 7287816"/>
              <a:gd name="connsiteY0" fmla="*/ 0 h 4992300"/>
              <a:gd name="connsiteX1" fmla="*/ 7287816 w 7287816"/>
              <a:gd name="connsiteY1" fmla="*/ 0 h 4992300"/>
              <a:gd name="connsiteX2" fmla="*/ 7287816 w 7287816"/>
              <a:gd name="connsiteY2" fmla="*/ 4992300 h 4992300"/>
              <a:gd name="connsiteX3" fmla="*/ 0 w 7287816"/>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7287816" h="4992300">
                <a:moveTo>
                  <a:pt x="0" y="0"/>
                </a:moveTo>
                <a:lnTo>
                  <a:pt x="7287816" y="0"/>
                </a:lnTo>
                <a:lnTo>
                  <a:pt x="7287816" y="4992300"/>
                </a:lnTo>
                <a:lnTo>
                  <a:pt x="0" y="4992300"/>
                </a:lnTo>
                <a:close/>
              </a:path>
            </a:pathLst>
          </a:custGeom>
        </p:spPr>
      </p:pic>
      <p:sp>
        <p:nvSpPr>
          <p:cNvPr id="2" name="Date" descr="{&quot;templafy&quot;:{&quot;id&quot;:&quot;ad29b2db-265e-4626-92b6-a8334cf07cca&quot;}}">
            <a:extLst>
              <a:ext uri="{FF2B5EF4-FFF2-40B4-BE49-F238E27FC236}">
                <a16:creationId xmlns:a16="http://schemas.microsoft.com/office/drawing/2014/main" id="{7117D016-A9C1-0D64-7742-87E04443954D}"/>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350"/>
              <a:t>20 maart 2024</a:t>
            </a:r>
          </a:p>
        </p:txBody>
      </p:sp>
      <p:sp>
        <p:nvSpPr>
          <p:cNvPr id="6" name="Name" descr="{&quot;templafy&quot;:{&quot;id&quot;:&quot;0844041c-d48e-428e-9fbc-b4e927eef575&quot;}}">
            <a:extLst>
              <a:ext uri="{FF2B5EF4-FFF2-40B4-BE49-F238E27FC236}">
                <a16:creationId xmlns:a16="http://schemas.microsoft.com/office/drawing/2014/main" id="{AAB0EDA1-4786-D955-7C08-6004CACDF60D}"/>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en-GB" sz="1050"/>
              <a:t>Hans de Boer</a:t>
            </a:r>
          </a:p>
        </p:txBody>
      </p:sp>
      <p:sp>
        <p:nvSpPr>
          <p:cNvPr id="7" name="Text Placeholder 7">
            <a:extLst>
              <a:ext uri="{FF2B5EF4-FFF2-40B4-BE49-F238E27FC236}">
                <a16:creationId xmlns:a16="http://schemas.microsoft.com/office/drawing/2014/main" id="{2F6A2E02-FE9F-8F1C-E68C-AD2498C70382}"/>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8" name="Text Placeholder 10">
            <a:extLst>
              <a:ext uri="{FF2B5EF4-FFF2-40B4-BE49-F238E27FC236}">
                <a16:creationId xmlns:a16="http://schemas.microsoft.com/office/drawing/2014/main" id="{51935EC3-995D-0FFA-88BA-DD3C556D994F}"/>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pic>
        <p:nvPicPr>
          <p:cNvPr id="4" name="Picture 3">
            <a:extLst>
              <a:ext uri="{FF2B5EF4-FFF2-40B4-BE49-F238E27FC236}">
                <a16:creationId xmlns:a16="http://schemas.microsoft.com/office/drawing/2014/main" id="{EA11D493-990D-DF6A-4681-8C646C86BE78}"/>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188713585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Voorpagina (Groen)">
    <p:spTree>
      <p:nvGrpSpPr>
        <p:cNvPr id="1" name=""/>
        <p:cNvGrpSpPr/>
        <p:nvPr/>
      </p:nvGrpSpPr>
      <p:grpSpPr>
        <a:xfrm>
          <a:off x="0" y="0"/>
          <a:ext cx="0" cy="0"/>
          <a:chOff x="0" y="0"/>
          <a:chExt cx="0" cy="0"/>
        </a:xfrm>
      </p:grpSpPr>
      <p:sp>
        <p:nvSpPr>
          <p:cNvPr id="15" name="Freeform: Shape 14">
            <a:extLst>
              <a:ext uri="{FF2B5EF4-FFF2-40B4-BE49-F238E27FC236}">
                <a16:creationId xmlns:a16="http://schemas.microsoft.com/office/drawing/2014/main" id="{4608D4FD-3524-A95A-2881-7EB032A9ACD4}"/>
              </a:ext>
            </a:extLst>
          </p:cNvPr>
          <p:cNvSpPr/>
          <p:nvPr userDrawn="1"/>
        </p:nvSpPr>
        <p:spPr>
          <a:xfrm>
            <a:off x="0" y="260578"/>
            <a:ext cx="9144000" cy="4882922"/>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0 w 9144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9144000" h="4992300">
                <a:moveTo>
                  <a:pt x="0" y="0"/>
                </a:moveTo>
                <a:lnTo>
                  <a:pt x="9144000" y="0"/>
                </a:lnTo>
                <a:lnTo>
                  <a:pt x="9144000" y="4992300"/>
                </a:lnTo>
                <a:lnTo>
                  <a:pt x="0" y="4992300"/>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l-NL"/>
          </a:p>
        </p:txBody>
      </p:sp>
      <p:pic>
        <p:nvPicPr>
          <p:cNvPr id="3" name="Green">
            <a:extLst>
              <a:ext uri="{FF2B5EF4-FFF2-40B4-BE49-F238E27FC236}">
                <a16:creationId xmlns:a16="http://schemas.microsoft.com/office/drawing/2014/main" id="{6E25C3DD-D417-C9BA-4E18-CFCAC91E6901}"/>
              </a:ext>
            </a:extLst>
          </p:cNvPr>
          <p:cNvPicPr>
            <a:picLocks noChangeAspect="1"/>
          </p:cNvPicPr>
          <p:nvPr userDrawn="1"/>
        </p:nvPicPr>
        <p:blipFill>
          <a:blip r:embed="rId2"/>
          <a:stretch>
            <a:fillRect/>
          </a:stretch>
        </p:blipFill>
        <p:spPr>
          <a:xfrm>
            <a:off x="0" y="260580"/>
            <a:ext cx="8153842" cy="4883188"/>
          </a:xfrm>
          <a:prstGeom prst="rect">
            <a:avLst/>
          </a:prstGeom>
        </p:spPr>
      </p:pic>
      <p:sp>
        <p:nvSpPr>
          <p:cNvPr id="2" name="Date" descr="{&quot;templafy&quot;:{&quot;id&quot;:&quot;272bf58f-dbb9-4296-912c-39c9e6c9a00d&quot;}}">
            <a:extLst>
              <a:ext uri="{FF2B5EF4-FFF2-40B4-BE49-F238E27FC236}">
                <a16:creationId xmlns:a16="http://schemas.microsoft.com/office/drawing/2014/main" id="{026F991B-FA14-5DAA-0AA7-CAD46A865395}"/>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350"/>
              <a:t>20 maart 2024</a:t>
            </a:r>
          </a:p>
        </p:txBody>
      </p:sp>
      <p:sp>
        <p:nvSpPr>
          <p:cNvPr id="7" name="Text Placeholder 7">
            <a:extLst>
              <a:ext uri="{FF2B5EF4-FFF2-40B4-BE49-F238E27FC236}">
                <a16:creationId xmlns:a16="http://schemas.microsoft.com/office/drawing/2014/main" id="{67FA8EFE-4C47-FCE3-B6AC-5447FCFDCFB6}"/>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8" name="Text Placeholder 10">
            <a:extLst>
              <a:ext uri="{FF2B5EF4-FFF2-40B4-BE49-F238E27FC236}">
                <a16:creationId xmlns:a16="http://schemas.microsoft.com/office/drawing/2014/main" id="{7F122860-6A8E-7F6C-9873-2F5C94593E38}"/>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sp>
        <p:nvSpPr>
          <p:cNvPr id="4" name="Name" descr="{&quot;templafy&quot;:{&quot;id&quot;:&quot;d1dceb2b-99da-431a-8e48-a48b5be1d997&quot;}}">
            <a:extLst>
              <a:ext uri="{FF2B5EF4-FFF2-40B4-BE49-F238E27FC236}">
                <a16:creationId xmlns:a16="http://schemas.microsoft.com/office/drawing/2014/main" id="{15110289-8183-480C-568E-24667C007AD1}"/>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en-GB" sz="1050"/>
              <a:t>Hans de Boer</a:t>
            </a:r>
          </a:p>
        </p:txBody>
      </p:sp>
      <p:pic>
        <p:nvPicPr>
          <p:cNvPr id="6" name="Picture 5">
            <a:extLst>
              <a:ext uri="{FF2B5EF4-FFF2-40B4-BE49-F238E27FC236}">
                <a16:creationId xmlns:a16="http://schemas.microsoft.com/office/drawing/2014/main" id="{FC52DA36-D591-DF07-B265-D154D16822ED}"/>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360731962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Voorpagina (Afbeelding)">
    <p:bg>
      <p:bgRef idx="1001">
        <a:schemeClr val="bg1"/>
      </p:bgRef>
    </p:bg>
    <p:spTree>
      <p:nvGrpSpPr>
        <p:cNvPr id="1" name=""/>
        <p:cNvGrpSpPr/>
        <p:nvPr/>
      </p:nvGrpSpPr>
      <p:grpSpPr>
        <a:xfrm>
          <a:off x="0" y="0"/>
          <a:ext cx="0" cy="0"/>
          <a:chOff x="0" y="0"/>
          <a:chExt cx="0" cy="0"/>
        </a:xfrm>
      </p:grpSpPr>
      <p:pic>
        <p:nvPicPr>
          <p:cNvPr id="4" name="Blue">
            <a:extLst>
              <a:ext uri="{FF2B5EF4-FFF2-40B4-BE49-F238E27FC236}">
                <a16:creationId xmlns:a16="http://schemas.microsoft.com/office/drawing/2014/main" id="{E556118B-C8DF-73D4-809C-841F54BD675C}"/>
              </a:ext>
            </a:extLst>
          </p:cNvPr>
          <p:cNvPicPr>
            <a:picLocks noChangeAspect="1"/>
          </p:cNvPicPr>
          <p:nvPr userDrawn="1"/>
        </p:nvPicPr>
        <p:blipFill>
          <a:blip r:embed="rId2"/>
          <a:stretch>
            <a:fillRect/>
          </a:stretch>
        </p:blipFill>
        <p:spPr>
          <a:xfrm>
            <a:off x="-7144" y="2476785"/>
            <a:ext cx="7954804" cy="2666715"/>
          </a:xfrm>
          <a:prstGeom prst="rect">
            <a:avLst/>
          </a:prstGeom>
        </p:spPr>
      </p:pic>
      <p:sp>
        <p:nvSpPr>
          <p:cNvPr id="10" name="Picture Placeholder 9">
            <a:extLst>
              <a:ext uri="{FF2B5EF4-FFF2-40B4-BE49-F238E27FC236}">
                <a16:creationId xmlns:a16="http://schemas.microsoft.com/office/drawing/2014/main" id="{11943111-28A3-732F-8E0A-651AB9F68370}"/>
              </a:ext>
            </a:extLst>
          </p:cNvPr>
          <p:cNvSpPr>
            <a:spLocks noGrp="1"/>
          </p:cNvSpPr>
          <p:nvPr>
            <p:ph type="pic" sz="quarter" idx="11"/>
          </p:nvPr>
        </p:nvSpPr>
        <p:spPr>
          <a:xfrm>
            <a:off x="0" y="255842"/>
            <a:ext cx="9144000" cy="4887657"/>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7935389 w 9144000"/>
              <a:gd name="connsiteY3" fmla="*/ 4992300 h 4992300"/>
              <a:gd name="connsiteX4" fmla="*/ 7732783 w 9144000"/>
              <a:gd name="connsiteY4" fmla="*/ 4758404 h 4992300"/>
              <a:gd name="connsiteX5" fmla="*/ 2269973 w 9144000"/>
              <a:gd name="connsiteY5" fmla="*/ 2340549 h 4992300"/>
              <a:gd name="connsiteX6" fmla="*/ 75387 w 9144000"/>
              <a:gd name="connsiteY6" fmla="*/ 2672339 h 4992300"/>
              <a:gd name="connsiteX7" fmla="*/ 0 w 9144000"/>
              <a:gd name="connsiteY7" fmla="*/ 2697847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144000" h="4992300">
                <a:moveTo>
                  <a:pt x="0" y="0"/>
                </a:moveTo>
                <a:lnTo>
                  <a:pt x="9144000" y="0"/>
                </a:lnTo>
                <a:lnTo>
                  <a:pt x="9144000" y="4992300"/>
                </a:lnTo>
                <a:lnTo>
                  <a:pt x="7935389" y="4992300"/>
                </a:lnTo>
                <a:lnTo>
                  <a:pt x="7732783" y="4758404"/>
                </a:lnTo>
                <a:cubicBezTo>
                  <a:pt x="6382775" y="3273065"/>
                  <a:pt x="4435274" y="2340549"/>
                  <a:pt x="2269973" y="2340549"/>
                </a:cubicBezTo>
                <a:cubicBezTo>
                  <a:pt x="1505749" y="2340549"/>
                  <a:pt x="768656" y="2456710"/>
                  <a:pt x="75387" y="2672339"/>
                </a:cubicBezTo>
                <a:lnTo>
                  <a:pt x="0" y="2697847"/>
                </a:lnTo>
                <a:close/>
              </a:path>
            </a:pathLst>
          </a:custGeom>
          <a:solidFill>
            <a:schemeClr val="bg1">
              <a:lumMod val="85000"/>
            </a:schemeClr>
          </a:solidFill>
        </p:spPr>
        <p:txBody>
          <a:bodyPr wrap="square">
            <a:noAutofit/>
          </a:bodyPr>
          <a:lstStyle>
            <a:lvl1pPr algn="ctr">
              <a:defRPr>
                <a:solidFill>
                  <a:schemeClr val="bg1"/>
                </a:solidFill>
              </a:defRPr>
            </a:lvl1pPr>
          </a:lstStyle>
          <a:p>
            <a:endParaRPr lang="en-GB"/>
          </a:p>
        </p:txBody>
      </p:sp>
      <p:sp>
        <p:nvSpPr>
          <p:cNvPr id="2" name="Date" descr="{&quot;templafy&quot;:{&quot;id&quot;:&quot;8697c2e6-1810-41c1-bfb3-48ab64fb9e52&quot;}}">
            <a:extLst>
              <a:ext uri="{FF2B5EF4-FFF2-40B4-BE49-F238E27FC236}">
                <a16:creationId xmlns:a16="http://schemas.microsoft.com/office/drawing/2014/main" id="{FA64D90C-FBCE-C255-7637-2D003C5018B5}"/>
              </a:ext>
            </a:extLst>
          </p:cNvPr>
          <p:cNvSpPr/>
          <p:nvPr userDrawn="1"/>
        </p:nvSpPr>
        <p:spPr>
          <a:xfrm>
            <a:off x="511200" y="2856963"/>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350"/>
              <a:t>20 maart 2024</a:t>
            </a:r>
          </a:p>
        </p:txBody>
      </p:sp>
      <p:sp>
        <p:nvSpPr>
          <p:cNvPr id="6" name="Text Placeholder 7">
            <a:extLst>
              <a:ext uri="{FF2B5EF4-FFF2-40B4-BE49-F238E27FC236}">
                <a16:creationId xmlns:a16="http://schemas.microsoft.com/office/drawing/2014/main" id="{825ADDEB-A532-B0A1-C6BA-FBC7A98FEB9F}"/>
              </a:ext>
            </a:extLst>
          </p:cNvPr>
          <p:cNvSpPr>
            <a:spLocks noGrp="1"/>
          </p:cNvSpPr>
          <p:nvPr>
            <p:ph type="body" sz="quarter" idx="10" hasCustomPrompt="1"/>
          </p:nvPr>
        </p:nvSpPr>
        <p:spPr>
          <a:xfrm>
            <a:off x="510147" y="3093668"/>
            <a:ext cx="4768147"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7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GB" b="0" i="0" err="1">
                <a:solidFill>
                  <a:srgbClr val="FFFFFF"/>
                </a:solidFill>
                <a:effectLst/>
                <a:latin typeface="-apple-system"/>
              </a:rPr>
              <a:t>Titel</a:t>
            </a:r>
            <a:r>
              <a:rPr lang="en-GB" b="0" i="0">
                <a:solidFill>
                  <a:srgbClr val="FFFFFF"/>
                </a:solidFill>
                <a:effectLst/>
                <a:latin typeface="-apple-system"/>
              </a:rPr>
              <a:t> over </a:t>
            </a:r>
            <a:r>
              <a:rPr lang="en-GB" b="0" i="0" err="1">
                <a:solidFill>
                  <a:srgbClr val="FFFFFF"/>
                </a:solidFill>
                <a:effectLst/>
                <a:latin typeface="-apple-system"/>
              </a:rPr>
              <a:t>één</a:t>
            </a:r>
            <a:r>
              <a:rPr lang="en-GB" b="0" i="0">
                <a:solidFill>
                  <a:srgbClr val="FFFFFF"/>
                </a:solidFill>
                <a:effectLst/>
                <a:latin typeface="-apple-system"/>
              </a:rPr>
              <a:t> regel</a:t>
            </a:r>
            <a:endParaRPr lang="en-US"/>
          </a:p>
        </p:txBody>
      </p:sp>
      <p:pic>
        <p:nvPicPr>
          <p:cNvPr id="3" name="Picture 2">
            <a:extLst>
              <a:ext uri="{FF2B5EF4-FFF2-40B4-BE49-F238E27FC236}">
                <a16:creationId xmlns:a16="http://schemas.microsoft.com/office/drawing/2014/main" id="{2287A57A-E449-8F3B-0E2D-4DD5858DBD11}"/>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3553836665"/>
      </p:ext>
    </p:extLst>
  </p:cSld>
  <p:clrMapOvr>
    <a:overrideClrMapping bg1="lt1" tx1="dk1" bg2="lt2" tx2="dk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Voorpagina (Afbeelding) 2">
    <p:bg>
      <p:bgRef idx="1001">
        <a:schemeClr val="bg1"/>
      </p:bgRef>
    </p:bg>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5A5F1B40-8C97-EC46-7D5D-9EEBA1D1E119}"/>
              </a:ext>
            </a:extLst>
          </p:cNvPr>
          <p:cNvSpPr>
            <a:spLocks noGrp="1"/>
          </p:cNvSpPr>
          <p:nvPr>
            <p:ph type="pic" sz="quarter" idx="11"/>
          </p:nvPr>
        </p:nvSpPr>
        <p:spPr>
          <a:xfrm>
            <a:off x="0" y="1512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4398438 w 9144000"/>
              <a:gd name="connsiteY3" fmla="*/ 4992300 h 4992300"/>
              <a:gd name="connsiteX4" fmla="*/ 4859975 w 9144000"/>
              <a:gd name="connsiteY4" fmla="*/ 2653786 h 4992300"/>
              <a:gd name="connsiteX5" fmla="*/ 0 w 9144000"/>
              <a:gd name="connsiteY5" fmla="*/ 1694939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144000" h="4992300">
                <a:moveTo>
                  <a:pt x="0" y="0"/>
                </a:moveTo>
                <a:lnTo>
                  <a:pt x="9144000" y="0"/>
                </a:lnTo>
                <a:lnTo>
                  <a:pt x="9144000" y="4992300"/>
                </a:lnTo>
                <a:lnTo>
                  <a:pt x="4398438" y="4992300"/>
                </a:lnTo>
                <a:lnTo>
                  <a:pt x="4859975" y="2653786"/>
                </a:lnTo>
                <a:lnTo>
                  <a:pt x="0" y="1694939"/>
                </a:lnTo>
                <a:close/>
              </a:path>
            </a:pathLst>
          </a:custGeom>
          <a:solidFill>
            <a:schemeClr val="bg1">
              <a:lumMod val="85000"/>
            </a:schemeClr>
          </a:solidFill>
        </p:spPr>
        <p:txBody>
          <a:bodyPr wrap="square" anchor="t">
            <a:noAutofit/>
          </a:bodyPr>
          <a:lstStyle>
            <a:lvl1pPr algn="ctr">
              <a:defRPr>
                <a:solidFill>
                  <a:schemeClr val="bg1"/>
                </a:solidFill>
              </a:defRPr>
            </a:lvl1pPr>
          </a:lstStyle>
          <a:p>
            <a:endParaRPr lang="en-GB"/>
          </a:p>
        </p:txBody>
      </p:sp>
      <p:pic>
        <p:nvPicPr>
          <p:cNvPr id="6" name="Blue">
            <a:extLst>
              <a:ext uri="{FF2B5EF4-FFF2-40B4-BE49-F238E27FC236}">
                <a16:creationId xmlns:a16="http://schemas.microsoft.com/office/drawing/2014/main" id="{8D26B84C-B6C5-1FEB-5E2E-009D0F9AABCA}"/>
              </a:ext>
            </a:extLst>
          </p:cNvPr>
          <p:cNvPicPr>
            <a:picLocks noChangeAspect="1"/>
          </p:cNvPicPr>
          <p:nvPr userDrawn="1"/>
        </p:nvPicPr>
        <p:blipFill>
          <a:blip r:embed="rId2"/>
          <a:stretch>
            <a:fillRect/>
          </a:stretch>
        </p:blipFill>
        <p:spPr>
          <a:xfrm>
            <a:off x="0" y="1836420"/>
            <a:ext cx="4862029" cy="3306180"/>
          </a:xfrm>
          <a:prstGeom prst="rect">
            <a:avLst/>
          </a:prstGeom>
        </p:spPr>
      </p:pic>
      <p:sp>
        <p:nvSpPr>
          <p:cNvPr id="3" name="Date" descr="{&quot;templafy&quot;:{&quot;id&quot;:&quot;ade94cfd-9b26-43d5-9bb0-00508872f67a&quot;}}">
            <a:extLst>
              <a:ext uri="{FF2B5EF4-FFF2-40B4-BE49-F238E27FC236}">
                <a16:creationId xmlns:a16="http://schemas.microsoft.com/office/drawing/2014/main" id="{ED6CB6AF-71CB-7105-893B-F5B32ABCC0D7}"/>
              </a:ext>
            </a:extLst>
          </p:cNvPr>
          <p:cNvSpPr/>
          <p:nvPr userDrawn="1"/>
        </p:nvSpPr>
        <p:spPr>
          <a:xfrm>
            <a:off x="510148" y="2406962"/>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350"/>
              <a:t>20 maart 2024</a:t>
            </a:r>
          </a:p>
        </p:txBody>
      </p:sp>
      <p:sp>
        <p:nvSpPr>
          <p:cNvPr id="5" name="Text Placeholder 7">
            <a:extLst>
              <a:ext uri="{FF2B5EF4-FFF2-40B4-BE49-F238E27FC236}">
                <a16:creationId xmlns:a16="http://schemas.microsoft.com/office/drawing/2014/main" id="{A92EBDA3-E0CB-39B2-67F5-12953AC42FF6}"/>
              </a:ext>
            </a:extLst>
          </p:cNvPr>
          <p:cNvSpPr>
            <a:spLocks noGrp="1"/>
          </p:cNvSpPr>
          <p:nvPr>
            <p:ph type="body" sz="quarter" idx="10"/>
          </p:nvPr>
        </p:nvSpPr>
        <p:spPr>
          <a:xfrm>
            <a:off x="510148" y="2747340"/>
            <a:ext cx="4233302" cy="111495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7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pic>
        <p:nvPicPr>
          <p:cNvPr id="2" name="Picture 1">
            <a:extLst>
              <a:ext uri="{FF2B5EF4-FFF2-40B4-BE49-F238E27FC236}">
                <a16:creationId xmlns:a16="http://schemas.microsoft.com/office/drawing/2014/main" id="{E0B77FF3-A5D7-9506-4DB8-D55048A22D4A}"/>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4056623694"/>
      </p:ext>
    </p:extLst>
  </p:cSld>
  <p:clrMapOvr>
    <a:overrideClrMapping bg1="lt1" tx1="dk1" bg2="lt2" tx2="dk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 en inhou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nr.›</a:t>
            </a:fld>
            <a:endParaRPr lang="en-GB"/>
          </a:p>
        </p:txBody>
      </p:sp>
      <p:sp>
        <p:nvSpPr>
          <p:cNvPr id="5" name="Content Placeholder 5">
            <a:extLst>
              <a:ext uri="{FF2B5EF4-FFF2-40B4-BE49-F238E27FC236}">
                <a16:creationId xmlns:a16="http://schemas.microsoft.com/office/drawing/2014/main" id="{1ED8DEC5-E7F6-1780-5518-775B4FF67C68}"/>
              </a:ext>
            </a:extLst>
          </p:cNvPr>
          <p:cNvSpPr>
            <a:spLocks noGrp="1"/>
          </p:cNvSpPr>
          <p:nvPr>
            <p:ph sz="quarter" idx="15"/>
          </p:nvPr>
        </p:nvSpPr>
        <p:spPr>
          <a:xfrm>
            <a:off x="511200" y="1120140"/>
            <a:ext cx="8126878"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9081296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tekst en inhou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nr.›</a:t>
            </a:fld>
            <a:endParaRPr lang="en-GB"/>
          </a:p>
        </p:txBody>
      </p:sp>
      <p:sp>
        <p:nvSpPr>
          <p:cNvPr id="16" name="Text Placeholder 15">
            <a:extLst>
              <a:ext uri="{FF2B5EF4-FFF2-40B4-BE49-F238E27FC236}">
                <a16:creationId xmlns:a16="http://schemas.microsoft.com/office/drawing/2014/main" id="{D67A72BE-B12E-381F-1863-C7FF9C70F749}"/>
              </a:ext>
            </a:extLst>
          </p:cNvPr>
          <p:cNvSpPr>
            <a:spLocks noGrp="1"/>
          </p:cNvSpPr>
          <p:nvPr>
            <p:ph type="body" sz="quarter" idx="14"/>
          </p:nvPr>
        </p:nvSpPr>
        <p:spPr>
          <a:xfrm>
            <a:off x="511347" y="1120140"/>
            <a:ext cx="3797364"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Content Placeholder 5">
            <a:extLst>
              <a:ext uri="{FF2B5EF4-FFF2-40B4-BE49-F238E27FC236}">
                <a16:creationId xmlns:a16="http://schemas.microsoft.com/office/drawing/2014/main" id="{F6DED9DE-B63F-6397-27CB-0718C5F6A7D2}"/>
              </a:ext>
            </a:extLst>
          </p:cNvPr>
          <p:cNvSpPr>
            <a:spLocks noGrp="1"/>
          </p:cNvSpPr>
          <p:nvPr>
            <p:ph sz="quarter" idx="15" hasCustomPrompt="1"/>
          </p:nvPr>
        </p:nvSpPr>
        <p:spPr>
          <a:xfrm>
            <a:off x="4835291" y="1120140"/>
            <a:ext cx="3804979" cy="3258928"/>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Tree>
    <p:extLst>
      <p:ext uri="{BB962C8B-B14F-4D97-AF65-F5344CB8AC3E}">
        <p14:creationId xmlns:p14="http://schemas.microsoft.com/office/powerpoint/2010/main" val="286782412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en twee inhou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nr.›</a:t>
            </a:fld>
            <a:endParaRPr lang="en-GB"/>
          </a:p>
        </p:txBody>
      </p:sp>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5" name="Content Placeholder 5">
            <a:extLst>
              <a:ext uri="{FF2B5EF4-FFF2-40B4-BE49-F238E27FC236}">
                <a16:creationId xmlns:a16="http://schemas.microsoft.com/office/drawing/2014/main" id="{8A1F67DD-BD03-DFF8-A760-ADDAD75D6A39}"/>
              </a:ext>
            </a:extLst>
          </p:cNvPr>
          <p:cNvSpPr>
            <a:spLocks noGrp="1"/>
          </p:cNvSpPr>
          <p:nvPr>
            <p:ph sz="quarter" idx="15"/>
          </p:nvPr>
        </p:nvSpPr>
        <p:spPr>
          <a:xfrm>
            <a:off x="511200" y="1120140"/>
            <a:ext cx="3797510"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Content Placeholder 5">
            <a:extLst>
              <a:ext uri="{FF2B5EF4-FFF2-40B4-BE49-F238E27FC236}">
                <a16:creationId xmlns:a16="http://schemas.microsoft.com/office/drawing/2014/main" id="{F8942AED-FAE1-1E30-F892-CB3247362C8D}"/>
              </a:ext>
            </a:extLst>
          </p:cNvPr>
          <p:cNvSpPr>
            <a:spLocks noGrp="1"/>
          </p:cNvSpPr>
          <p:nvPr>
            <p:ph sz="quarter" idx="16" hasCustomPrompt="1"/>
          </p:nvPr>
        </p:nvSpPr>
        <p:spPr>
          <a:xfrm>
            <a:off x="4835292" y="1120140"/>
            <a:ext cx="3804979" cy="3258928"/>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Tree>
    <p:extLst>
      <p:ext uri="{BB962C8B-B14F-4D97-AF65-F5344CB8AC3E}">
        <p14:creationId xmlns:p14="http://schemas.microsoft.com/office/powerpoint/2010/main" val="42703747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Kleurverloop links">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B00A1EB-6381-E341-B4CF-FEDC7E23D7BF}"/>
              </a:ext>
            </a:extLst>
          </p:cNvPr>
          <p:cNvSpPr/>
          <p:nvPr userDrawn="1"/>
        </p:nvSpPr>
        <p:spPr>
          <a:xfrm>
            <a:off x="0" y="265318"/>
            <a:ext cx="9144000" cy="487818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nr.›</a:t>
            </a:fld>
            <a:endParaRPr lang="en-GB"/>
          </a:p>
        </p:txBody>
      </p:sp>
      <p:sp>
        <p:nvSpPr>
          <p:cNvPr id="5" name="Freeform: Shape 4">
            <a:extLst>
              <a:ext uri="{FF2B5EF4-FFF2-40B4-BE49-F238E27FC236}">
                <a16:creationId xmlns:a16="http://schemas.microsoft.com/office/drawing/2014/main" id="{01B50ED7-BC71-BBC1-D94D-318F228236BD}"/>
              </a:ext>
            </a:extLst>
          </p:cNvPr>
          <p:cNvSpPr/>
          <p:nvPr userDrawn="1"/>
        </p:nvSpPr>
        <p:spPr>
          <a:xfrm>
            <a:off x="0" y="265318"/>
            <a:ext cx="3060000" cy="4878181"/>
          </a:xfrm>
          <a:custGeom>
            <a:avLst/>
            <a:gdLst>
              <a:gd name="connsiteX0" fmla="*/ 0 w 3060000"/>
              <a:gd name="connsiteY0" fmla="*/ 0 h 4992300"/>
              <a:gd name="connsiteX1" fmla="*/ 3060000 w 3060000"/>
              <a:gd name="connsiteY1" fmla="*/ 0 h 4992300"/>
              <a:gd name="connsiteX2" fmla="*/ 3060000 w 3060000"/>
              <a:gd name="connsiteY2" fmla="*/ 4992300 h 4992300"/>
              <a:gd name="connsiteX3" fmla="*/ 0 w 3060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3060000" h="4992300">
                <a:moveTo>
                  <a:pt x="0" y="0"/>
                </a:moveTo>
                <a:lnTo>
                  <a:pt x="3060000" y="0"/>
                </a:lnTo>
                <a:lnTo>
                  <a:pt x="3060000" y="4992300"/>
                </a:lnTo>
                <a:lnTo>
                  <a:pt x="0" y="4992300"/>
                </a:lnTo>
                <a:close/>
              </a:path>
            </a:pathLst>
          </a:cu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6" name="Text Placeholder 15">
            <a:extLst>
              <a:ext uri="{FF2B5EF4-FFF2-40B4-BE49-F238E27FC236}">
                <a16:creationId xmlns:a16="http://schemas.microsoft.com/office/drawing/2014/main" id="{D67A72BE-B12E-381F-1863-C7FF9C70F749}"/>
              </a:ext>
            </a:extLst>
          </p:cNvPr>
          <p:cNvSpPr>
            <a:spLocks noGrp="1"/>
          </p:cNvSpPr>
          <p:nvPr>
            <p:ph type="body" sz="quarter" idx="14"/>
          </p:nvPr>
        </p:nvSpPr>
        <p:spPr>
          <a:xfrm>
            <a:off x="510542" y="1796400"/>
            <a:ext cx="2015258" cy="25848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1" name="Content Placeholder 5">
            <a:extLst>
              <a:ext uri="{FF2B5EF4-FFF2-40B4-BE49-F238E27FC236}">
                <a16:creationId xmlns:a16="http://schemas.microsoft.com/office/drawing/2014/main" id="{9EC374C0-C935-AE39-C577-7C7447F8C1BF}"/>
              </a:ext>
            </a:extLst>
          </p:cNvPr>
          <p:cNvSpPr>
            <a:spLocks noGrp="1"/>
          </p:cNvSpPr>
          <p:nvPr>
            <p:ph sz="quarter" idx="15" hasCustomPrompt="1"/>
          </p:nvPr>
        </p:nvSpPr>
        <p:spPr>
          <a:xfrm>
            <a:off x="3594201" y="435548"/>
            <a:ext cx="5046070" cy="3943520"/>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
        <p:nvSpPr>
          <p:cNvPr id="18" name="Title 17">
            <a:extLst>
              <a:ext uri="{FF2B5EF4-FFF2-40B4-BE49-F238E27FC236}">
                <a16:creationId xmlns:a16="http://schemas.microsoft.com/office/drawing/2014/main" id="{4A16BE21-A2AE-640F-E15C-4C56840EFEC6}"/>
              </a:ext>
            </a:extLst>
          </p:cNvPr>
          <p:cNvSpPr>
            <a:spLocks noGrp="1"/>
          </p:cNvSpPr>
          <p:nvPr>
            <p:ph type="title"/>
          </p:nvPr>
        </p:nvSpPr>
        <p:spPr>
          <a:xfrm>
            <a:off x="511348" y="435547"/>
            <a:ext cx="2014452" cy="1087200"/>
          </a:xfrm>
        </p:spPr>
        <p:txBody>
          <a:bodyPr/>
          <a:lstStyle/>
          <a:p>
            <a:r>
              <a:rPr lang="en-US"/>
              <a:t>Click to edit Master title style</a:t>
            </a:r>
            <a:endParaRPr lang="en-GB"/>
          </a:p>
        </p:txBody>
      </p:sp>
      <p:pic>
        <p:nvPicPr>
          <p:cNvPr id="4" name="Picture 3">
            <a:extLst>
              <a:ext uri="{FF2B5EF4-FFF2-40B4-BE49-F238E27FC236}">
                <a16:creationId xmlns:a16="http://schemas.microsoft.com/office/drawing/2014/main" id="{65220F98-0FAC-CDA7-67A0-ECF99281A12B}"/>
              </a:ext>
            </a:extLst>
          </p:cNvPr>
          <p:cNvPicPr>
            <a:picLocks noChangeAspect="1"/>
          </p:cNvPicPr>
          <p:nvPr userDrawn="1"/>
        </p:nvPicPr>
        <p:blipFill>
          <a:blip r:embed="rId2"/>
          <a:stretch>
            <a:fillRect/>
          </a:stretch>
        </p:blipFill>
        <p:spPr>
          <a:xfrm>
            <a:off x="466487" y="4582436"/>
            <a:ext cx="1112400" cy="413812"/>
          </a:xfrm>
          <a:prstGeom prst="rect">
            <a:avLst/>
          </a:prstGeom>
        </p:spPr>
      </p:pic>
    </p:spTree>
    <p:extLst>
      <p:ext uri="{BB962C8B-B14F-4D97-AF65-F5344CB8AC3E}">
        <p14:creationId xmlns:p14="http://schemas.microsoft.com/office/powerpoint/2010/main" val="146852453"/>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 name="Freeform: Shape 2">
            <a:extLst>
              <a:ext uri="{FF2B5EF4-FFF2-40B4-BE49-F238E27FC236}">
                <a16:creationId xmlns:a16="http://schemas.microsoft.com/office/drawing/2014/main" id="{12A1B0EF-BB22-B1BB-7834-8BCDBD7DC7BD}"/>
              </a:ext>
            </a:extLst>
          </p:cNvPr>
          <p:cNvSpPr/>
          <p:nvPr userDrawn="1"/>
        </p:nvSpPr>
        <p:spPr>
          <a:xfrm>
            <a:off x="0" y="260580"/>
            <a:ext cx="9144000" cy="639422"/>
          </a:xfrm>
          <a:custGeom>
            <a:avLst/>
            <a:gdLst>
              <a:gd name="connsiteX0" fmla="*/ 0 w 9144000"/>
              <a:gd name="connsiteY0" fmla="*/ 0 h 748801"/>
              <a:gd name="connsiteX1" fmla="*/ 9144000 w 9144000"/>
              <a:gd name="connsiteY1" fmla="*/ 0 h 748801"/>
              <a:gd name="connsiteX2" fmla="*/ 9144000 w 9144000"/>
              <a:gd name="connsiteY2" fmla="*/ 748801 h 748801"/>
              <a:gd name="connsiteX3" fmla="*/ 0 w 9144000"/>
              <a:gd name="connsiteY3" fmla="*/ 748801 h 748801"/>
            </a:gdLst>
            <a:ahLst/>
            <a:cxnLst>
              <a:cxn ang="0">
                <a:pos x="connsiteX0" y="connsiteY0"/>
              </a:cxn>
              <a:cxn ang="0">
                <a:pos x="connsiteX1" y="connsiteY1"/>
              </a:cxn>
              <a:cxn ang="0">
                <a:pos x="connsiteX2" y="connsiteY2"/>
              </a:cxn>
              <a:cxn ang="0">
                <a:pos x="connsiteX3" y="connsiteY3"/>
              </a:cxn>
            </a:cxnLst>
            <a:rect l="l" t="t" r="r" b="b"/>
            <a:pathLst>
              <a:path w="9144000" h="748801">
                <a:moveTo>
                  <a:pt x="0" y="0"/>
                </a:moveTo>
                <a:lnTo>
                  <a:pt x="9144000" y="0"/>
                </a:lnTo>
                <a:lnTo>
                  <a:pt x="9144000" y="748801"/>
                </a:lnTo>
                <a:lnTo>
                  <a:pt x="0" y="748801"/>
                </a:lnTo>
                <a:close/>
              </a:path>
            </a:pathLst>
          </a:custGeom>
          <a:gradFill flip="none" rotWithShape="1">
            <a:gsLst>
              <a:gs pos="0">
                <a:schemeClr val="accent1"/>
              </a:gs>
              <a:gs pos="100000">
                <a:srgbClr val="3B54F5"/>
              </a:gs>
            </a:gsLst>
            <a:lin ang="3000000" scaled="0"/>
            <a:tileRect/>
          </a:gradFill>
          <a:ln>
            <a:noFill/>
          </a:ln>
        </p:spPr>
        <p:style>
          <a:lnRef idx="2">
            <a:schemeClr val="accent6">
              <a:shade val="50000"/>
            </a:schemeClr>
          </a:lnRef>
          <a:fillRef idx="1">
            <a:schemeClr val="accent6"/>
          </a:fillRef>
          <a:effectRef idx="0">
            <a:schemeClr val="accent6"/>
          </a:effectRef>
          <a:fontRef idx="minor">
            <a:schemeClr val="lt1"/>
          </a:fontRef>
        </p:style>
        <p:txBody>
          <a:bodyPr wrap="square" rtlCol="0" anchor="ctr">
            <a:noAutofit/>
          </a:bodyPr>
          <a:lstStyle/>
          <a:p>
            <a:pPr algn="ctr"/>
            <a:endParaRPr lang="en-GB"/>
          </a:p>
        </p:txBody>
      </p:sp>
      <p:pic>
        <p:nvPicPr>
          <p:cNvPr id="5" name="Picture 4">
            <a:extLst>
              <a:ext uri="{FF2B5EF4-FFF2-40B4-BE49-F238E27FC236}">
                <a16:creationId xmlns:a16="http://schemas.microsoft.com/office/drawing/2014/main" id="{7838CC50-91A2-7356-8C25-4E251BE7D5D0}"/>
              </a:ext>
            </a:extLst>
          </p:cNvPr>
          <p:cNvPicPr>
            <a:picLocks noChangeAspect="1"/>
          </p:cNvPicPr>
          <p:nvPr userDrawn="1"/>
        </p:nvPicPr>
        <p:blipFill>
          <a:blip r:embed="rId14"/>
          <a:stretch>
            <a:fillRect/>
          </a:stretch>
        </p:blipFill>
        <p:spPr>
          <a:xfrm>
            <a:off x="464270" y="4583856"/>
            <a:ext cx="1112901" cy="414000"/>
          </a:xfrm>
          <a:prstGeom prst="rect">
            <a:avLst/>
          </a:prstGeom>
        </p:spPr>
      </p:pic>
      <p:sp>
        <p:nvSpPr>
          <p:cNvPr id="11" name="Title Placeholder 1"/>
          <p:cNvSpPr>
            <a:spLocks noGrp="1"/>
          </p:cNvSpPr>
          <p:nvPr>
            <p:ph type="title"/>
          </p:nvPr>
        </p:nvSpPr>
        <p:spPr>
          <a:xfrm>
            <a:off x="511348" y="435549"/>
            <a:ext cx="8126878" cy="364326"/>
          </a:xfrm>
          <a:prstGeom prst="rect">
            <a:avLst/>
          </a:prstGeom>
        </p:spPr>
        <p:txBody>
          <a:bodyPr vert="horz" lIns="0" tIns="0" rIns="0" bIns="0" rtlCol="0" anchor="t" anchorCtr="0">
            <a:normAutofit/>
          </a:bodyPr>
          <a:lstStyle/>
          <a:p>
            <a:endParaRPr lang="en-US"/>
          </a:p>
        </p:txBody>
      </p:sp>
      <p:sp>
        <p:nvSpPr>
          <p:cNvPr id="35" name="Slide Number Placeholder 34">
            <a:extLst>
              <a:ext uri="{FF2B5EF4-FFF2-40B4-BE49-F238E27FC236}">
                <a16:creationId xmlns:a16="http://schemas.microsoft.com/office/drawing/2014/main" id="{1103C625-FFD8-290F-D2E8-C1121E56CDBC}"/>
              </a:ext>
            </a:extLst>
          </p:cNvPr>
          <p:cNvSpPr>
            <a:spLocks noGrp="1"/>
          </p:cNvSpPr>
          <p:nvPr>
            <p:ph type="sldNum" sz="quarter" idx="4"/>
          </p:nvPr>
        </p:nvSpPr>
        <p:spPr>
          <a:xfrm>
            <a:off x="8119110" y="4741067"/>
            <a:ext cx="519115" cy="197644"/>
          </a:xfrm>
          <a:prstGeom prst="rect">
            <a:avLst/>
          </a:prstGeom>
        </p:spPr>
        <p:txBody>
          <a:bodyPr vert="horz" lIns="0" tIns="0" rIns="0" bIns="0" rtlCol="0" anchor="ctr"/>
          <a:lstStyle>
            <a:lvl1pPr algn="r">
              <a:defRPr sz="900">
                <a:solidFill>
                  <a:schemeClr val="tx1"/>
                </a:solidFill>
              </a:defRPr>
            </a:lvl1pPr>
          </a:lstStyle>
          <a:p>
            <a:fld id="{A57ACD69-77E0-4B27-BE9A-0E1A45A60CED}" type="slidenum">
              <a:rPr lang="en-US" smtClean="0"/>
              <a:pPr/>
              <a:t>‹nr.›</a:t>
            </a:fld>
            <a:endParaRPr lang="en-GB"/>
          </a:p>
        </p:txBody>
      </p:sp>
      <p:sp>
        <p:nvSpPr>
          <p:cNvPr id="24" name="Text Placeholder 23">
            <a:extLst>
              <a:ext uri="{FF2B5EF4-FFF2-40B4-BE49-F238E27FC236}">
                <a16:creationId xmlns:a16="http://schemas.microsoft.com/office/drawing/2014/main" id="{56927167-F590-44A8-9814-EEA335473390}"/>
              </a:ext>
            </a:extLst>
          </p:cNvPr>
          <p:cNvSpPr>
            <a:spLocks noGrp="1"/>
          </p:cNvSpPr>
          <p:nvPr>
            <p:ph type="body" idx="1"/>
          </p:nvPr>
        </p:nvSpPr>
        <p:spPr>
          <a:xfrm>
            <a:off x="511347" y="1120140"/>
            <a:ext cx="8126878" cy="3258928"/>
          </a:xfrm>
          <a:prstGeom prst="rect">
            <a:avLst/>
          </a:prstGeom>
        </p:spPr>
        <p:txBody>
          <a:bodyPr vert="horz" wrap="square"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3"/>
            <a:endParaRPr lang="en-US"/>
          </a:p>
        </p:txBody>
      </p:sp>
      <p:sp>
        <p:nvSpPr>
          <p:cNvPr id="4" name="Tekstvak 3">
            <a:extLst>
              <a:ext uri="{FF2B5EF4-FFF2-40B4-BE49-F238E27FC236}">
                <a16:creationId xmlns:a16="http://schemas.microsoft.com/office/drawing/2014/main" id="{3B0D0247-63D9-48F4-12F1-96BE435B693B}"/>
              </a:ext>
            </a:extLst>
          </p:cNvPr>
          <p:cNvSpPr txBox="1"/>
          <p:nvPr>
            <p:extLst>
              <p:ext uri="{1162E1C5-73C7-4A58-AE30-91384D911F3F}">
                <p184:classification xmlns:p184="http://schemas.microsoft.com/office/powerpoint/2018/4/main" val="hdr"/>
              </p:ext>
            </p:extLst>
          </p:nvPr>
        </p:nvSpPr>
        <p:spPr>
          <a:xfrm>
            <a:off x="63500" y="63500"/>
            <a:ext cx="1246188" cy="152400"/>
          </a:xfrm>
          <a:prstGeom prst="rect">
            <a:avLst/>
          </a:prstGeom>
        </p:spPr>
        <p:txBody>
          <a:bodyPr horzOverflow="overflow" lIns="0" tIns="0" rIns="0" bIns="0">
            <a:spAutoFit/>
          </a:bodyPr>
          <a:lstStyle/>
          <a:p>
            <a:pPr algn="l"/>
            <a:r>
              <a:rPr lang="en-NL" sz="1000">
                <a:solidFill>
                  <a:srgbClr val="2FB5E4"/>
                </a:solidFill>
                <a:latin typeface="Calibri" panose="020F0502020204030204" pitchFamily="34" charset="0"/>
                <a:ea typeface="Calibri" panose="020F0502020204030204" pitchFamily="34" charset="0"/>
                <a:cs typeface="Calibri" panose="020F0502020204030204" pitchFamily="34" charset="0"/>
              </a:rPr>
              <a:t>| DNB UNRESTRICTED |</a:t>
            </a:r>
          </a:p>
        </p:txBody>
      </p:sp>
    </p:spTree>
    <p:extLst>
      <p:ext uri="{BB962C8B-B14F-4D97-AF65-F5344CB8AC3E}">
        <p14:creationId xmlns:p14="http://schemas.microsoft.com/office/powerpoint/2010/main" val="983045303"/>
      </p:ext>
    </p:extLst>
  </p:cSld>
  <p:clrMap bg1="lt1" tx1="dk1" bg2="lt2" tx2="dk2" accent1="accent1" accent2="accent2" accent3="accent3" accent4="accent4" accent5="accent5" accent6="accent6" hlink="hlink" folHlink="folHlink"/>
  <p:sldLayoutIdLst>
    <p:sldLayoutId id="2147483648" r:id="rId1"/>
    <p:sldLayoutId id="2147483670" r:id="rId2"/>
    <p:sldLayoutId id="2147483671" r:id="rId3"/>
    <p:sldLayoutId id="2147483672" r:id="rId4"/>
    <p:sldLayoutId id="2147483673" r:id="rId5"/>
    <p:sldLayoutId id="2147483674" r:id="rId6"/>
    <p:sldLayoutId id="2147483675" r:id="rId7"/>
    <p:sldLayoutId id="2147483676" r:id="rId8"/>
    <p:sldLayoutId id="2147483679" r:id="rId9"/>
    <p:sldLayoutId id="2147483680" r:id="rId10"/>
    <p:sldLayoutId id="2147483682" r:id="rId11"/>
    <p:sldLayoutId id="2147483681" r:id="rId12"/>
  </p:sldLayoutIdLst>
  <p:hf hdr="0"/>
  <p:txStyles>
    <p:titleStyle>
      <a:lvl1pPr algn="l" defTabSz="914400" rtl="0" eaLnBrk="1" latinLnBrk="0" hangingPunct="1">
        <a:lnSpc>
          <a:spcPct val="100000"/>
        </a:lnSpc>
        <a:spcBef>
          <a:spcPct val="0"/>
        </a:spcBef>
        <a:buNone/>
        <a:defRPr sz="2250" kern="1200">
          <a:solidFill>
            <a:schemeClr val="bg1"/>
          </a:solidFill>
          <a:latin typeface="+mj-lt"/>
          <a:ea typeface="+mj-ea"/>
          <a:cs typeface="+mj-cs"/>
        </a:defRPr>
      </a:lvl1pPr>
    </p:titleStyle>
    <p:body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620" userDrawn="1">
          <p15:clr>
            <a:srgbClr val="F26B43"/>
          </p15:clr>
        </p15:guide>
        <p15:guide id="2" pos="2880"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8.xml"/><Relationship Id="rId1" Type="http://schemas.openxmlformats.org/officeDocument/2006/relationships/customXml" Target="../../customXml/item7.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slideLayout" Target="../slideLayouts/slideLayout7.xml"/><Relationship Id="rId7" Type="http://schemas.openxmlformats.org/officeDocument/2006/relationships/image" Target="../media/image13.svg"/><Relationship Id="rId2" Type="http://schemas.openxmlformats.org/officeDocument/2006/relationships/customXml" Target="../../customXml/item10.xml"/><Relationship Id="rId1" Type="http://schemas.openxmlformats.org/officeDocument/2006/relationships/customXml" Target="../../customXml/item9.xml"/><Relationship Id="rId6" Type="http://schemas.openxmlformats.org/officeDocument/2006/relationships/image" Target="../media/image12.png"/><Relationship Id="rId5" Type="http://schemas.openxmlformats.org/officeDocument/2006/relationships/image" Target="../media/image11.png"/><Relationship Id="rId4" Type="http://schemas.openxmlformats.org/officeDocument/2006/relationships/notesSlide" Target="../notesSlides/notesSlide2.xml"/><Relationship Id="rId9" Type="http://schemas.openxmlformats.org/officeDocument/2006/relationships/image" Target="../media/image15.sv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2.xml"/><Relationship Id="rId1" Type="http://schemas.openxmlformats.org/officeDocument/2006/relationships/customXml" Target="../../customXml/item11.xml"/><Relationship Id="rId5" Type="http://schemas.openxmlformats.org/officeDocument/2006/relationships/image" Target="../media/image16.pn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4.xml"/><Relationship Id="rId1" Type="http://schemas.openxmlformats.org/officeDocument/2006/relationships/customXml" Target="../../customXml/item13.xml"/><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6.xml"/><Relationship Id="rId1" Type="http://schemas.openxmlformats.org/officeDocument/2006/relationships/customXml" Target="../../customXml/item15.xml"/><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18.xml"/><Relationship Id="rId1" Type="http://schemas.openxmlformats.org/officeDocument/2006/relationships/customXml" Target="../../customXml/item17.xml"/><Relationship Id="rId5" Type="http://schemas.openxmlformats.org/officeDocument/2006/relationships/image" Target="../media/image17.jpeg"/><Relationship Id="rId4" Type="http://schemas.openxmlformats.org/officeDocument/2006/relationships/notesSlide" Target="../notesSlides/notesSlide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5A7CC602-B70A-805D-59A2-7E075C0B76E1}"/>
              </a:ext>
            </a:extLst>
          </p:cNvPr>
          <p:cNvSpPr>
            <a:spLocks noGrp="1"/>
          </p:cNvSpPr>
          <p:nvPr>
            <p:ph type="body" sz="quarter" idx="10"/>
          </p:nvPr>
        </p:nvSpPr>
        <p:spPr/>
        <p:txBody>
          <a:bodyPr/>
          <a:lstStyle/>
          <a:p>
            <a:r>
              <a:rPr lang="nl-NL" sz="3200" b="1"/>
              <a:t>Een soepele transitie</a:t>
            </a:r>
          </a:p>
        </p:txBody>
      </p:sp>
      <p:sp>
        <p:nvSpPr>
          <p:cNvPr id="11" name="Text Placeholder 10">
            <a:extLst>
              <a:ext uri="{FF2B5EF4-FFF2-40B4-BE49-F238E27FC236}">
                <a16:creationId xmlns:a16="http://schemas.microsoft.com/office/drawing/2014/main" id="{C1AEF188-BC9A-DAC2-1959-15B7CD467711}"/>
              </a:ext>
            </a:extLst>
          </p:cNvPr>
          <p:cNvSpPr>
            <a:spLocks noGrp="1"/>
          </p:cNvSpPr>
          <p:nvPr>
            <p:ph type="body" sz="quarter" idx="11"/>
          </p:nvPr>
        </p:nvSpPr>
        <p:spPr/>
        <p:txBody>
          <a:bodyPr/>
          <a:lstStyle/>
          <a:p>
            <a:r>
              <a:rPr lang="nl-NL" sz="2250" b="1">
                <a:latin typeface="DNB-Fedra"/>
              </a:rPr>
              <a:t>Eerste observaties bij invaarmeldingen</a:t>
            </a:r>
          </a:p>
        </p:txBody>
      </p:sp>
    </p:spTree>
    <p:custDataLst>
      <p:custData r:id="rId1"/>
      <p:custData r:id="rId2"/>
    </p:custDataLst>
    <p:extLst>
      <p:ext uri="{BB962C8B-B14F-4D97-AF65-F5344CB8AC3E}">
        <p14:creationId xmlns:p14="http://schemas.microsoft.com/office/powerpoint/2010/main" val="109681513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C870990D-5E1A-F55C-8D33-7D4905016E6C}"/>
              </a:ext>
            </a:extLst>
          </p:cNvPr>
          <p:cNvSpPr>
            <a:spLocks noGrp="1"/>
          </p:cNvSpPr>
          <p:nvPr>
            <p:ph type="title"/>
          </p:nvPr>
        </p:nvSpPr>
        <p:spPr>
          <a:xfrm>
            <a:off x="107488" y="400106"/>
            <a:ext cx="8126878" cy="364326"/>
          </a:xfrm>
        </p:spPr>
        <p:txBody>
          <a:bodyPr>
            <a:noAutofit/>
          </a:bodyPr>
          <a:lstStyle/>
          <a:p>
            <a:r>
              <a:rPr lang="nl-NL" b="1">
                <a:latin typeface="DNB-Fedra"/>
              </a:rPr>
              <a:t>Hulpmiddelen bij een soepele transitie</a:t>
            </a:r>
          </a:p>
        </p:txBody>
      </p:sp>
      <p:sp>
        <p:nvSpPr>
          <p:cNvPr id="3" name="Slide Number Placeholder 2">
            <a:extLst>
              <a:ext uri="{FF2B5EF4-FFF2-40B4-BE49-F238E27FC236}">
                <a16:creationId xmlns:a16="http://schemas.microsoft.com/office/drawing/2014/main" id="{DF637283-A01A-F8DC-304D-6225CB91E12C}"/>
              </a:ext>
            </a:extLst>
          </p:cNvPr>
          <p:cNvSpPr>
            <a:spLocks noGrp="1"/>
          </p:cNvSpPr>
          <p:nvPr>
            <p:ph type="sldNum" sz="quarter" idx="10"/>
          </p:nvPr>
        </p:nvSpPr>
        <p:spPr/>
        <p:txBody>
          <a:bodyPr/>
          <a:lstStyle/>
          <a:p>
            <a:fld id="{A57ACD69-77E0-4B27-BE9A-0E1A45A60CED}" type="slidenum">
              <a:rPr lang="en-US" smtClean="0"/>
              <a:pPr/>
              <a:t>2</a:t>
            </a:fld>
            <a:endParaRPr lang="en-GB"/>
          </a:p>
        </p:txBody>
      </p:sp>
      <p:pic>
        <p:nvPicPr>
          <p:cNvPr id="18" name="Graphic 6">
            <a:extLst>
              <a:ext uri="{FF2B5EF4-FFF2-40B4-BE49-F238E27FC236}">
                <a16:creationId xmlns:a16="http://schemas.microsoft.com/office/drawing/2014/main" id="{691FFECA-BEB8-C661-E998-2C478A8F3559}"/>
              </a:ext>
            </a:extLst>
          </p:cNvPr>
          <p:cNvPicPr>
            <a:picLocks noChangeAspect="1"/>
          </p:cNvPicPr>
          <p:nvPr/>
        </p:nvPicPr>
        <p:blipFill>
          <a:blip r:embed="rId5"/>
          <a:srcRect/>
          <a:stretch/>
        </p:blipFill>
        <p:spPr>
          <a:xfrm>
            <a:off x="2781027" y="1154001"/>
            <a:ext cx="648000" cy="570240"/>
          </a:xfrm>
          <a:prstGeom prst="rect">
            <a:avLst/>
          </a:prstGeom>
        </p:spPr>
      </p:pic>
      <p:sp>
        <p:nvSpPr>
          <p:cNvPr id="19" name="Rectangle 7">
            <a:extLst>
              <a:ext uri="{FF2B5EF4-FFF2-40B4-BE49-F238E27FC236}">
                <a16:creationId xmlns:a16="http://schemas.microsoft.com/office/drawing/2014/main" id="{FF2E295D-2D9B-F6EF-A03C-04AA2ACC6FF7}"/>
              </a:ext>
            </a:extLst>
          </p:cNvPr>
          <p:cNvSpPr/>
          <p:nvPr/>
        </p:nvSpPr>
        <p:spPr>
          <a:xfrm>
            <a:off x="328440" y="1922384"/>
            <a:ext cx="2393795" cy="7062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l-NL" sz="2000" b="1" i="0" u="none" strike="noStrike" kern="1200" cap="none" spc="0" normalizeH="0" baseline="0" noProof="0" dirty="0">
                <a:ln>
                  <a:noFill/>
                </a:ln>
                <a:solidFill>
                  <a:prstClr val="black"/>
                </a:solidFill>
                <a:effectLst/>
                <a:uLnTx/>
                <a:uFillTx/>
                <a:latin typeface="Verdana"/>
                <a:ea typeface="+mn-ea"/>
                <a:cs typeface="+mn-cs"/>
              </a:rPr>
              <a:t>Structureren</a:t>
            </a:r>
          </a:p>
        </p:txBody>
      </p:sp>
      <p:sp>
        <p:nvSpPr>
          <p:cNvPr id="20" name="Rectangle 8">
            <a:extLst>
              <a:ext uri="{FF2B5EF4-FFF2-40B4-BE49-F238E27FC236}">
                <a16:creationId xmlns:a16="http://schemas.microsoft.com/office/drawing/2014/main" id="{7BBCF671-6D71-DB0D-72E8-09E326E9F435}"/>
              </a:ext>
            </a:extLst>
          </p:cNvPr>
          <p:cNvSpPr/>
          <p:nvPr/>
        </p:nvSpPr>
        <p:spPr>
          <a:xfrm>
            <a:off x="328440" y="2775568"/>
            <a:ext cx="2393795" cy="7062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l-NL" sz="2000" b="1" i="0" u="none" strike="noStrike" kern="1200" cap="none" spc="0" normalizeH="0" baseline="0" noProof="0" dirty="0">
                <a:ln>
                  <a:noFill/>
                </a:ln>
                <a:solidFill>
                  <a:prstClr val="black"/>
                </a:solidFill>
                <a:effectLst/>
                <a:uLnTx/>
                <a:uFillTx/>
                <a:latin typeface="Verdana"/>
                <a:ea typeface="+mn-ea"/>
                <a:cs typeface="+mn-cs"/>
              </a:rPr>
              <a:t>Digitale </a:t>
            </a:r>
            <a:r>
              <a:rPr kumimoji="0" lang="nl-NL" sz="2000" b="1" i="0" u="none" strike="noStrike" kern="1200" cap="none" spc="0" normalizeH="0" baseline="0" noProof="0" dirty="0" err="1">
                <a:ln>
                  <a:noFill/>
                </a:ln>
                <a:solidFill>
                  <a:prstClr val="black"/>
                </a:solidFill>
                <a:effectLst/>
                <a:uLnTx/>
                <a:uFillTx/>
                <a:latin typeface="Verdana"/>
                <a:ea typeface="+mn-ea"/>
                <a:cs typeface="+mn-cs"/>
              </a:rPr>
              <a:t>tooling</a:t>
            </a:r>
            <a:endParaRPr kumimoji="0" lang="nl-NL" sz="2000" b="1" i="0" u="none" strike="noStrike" kern="1200" cap="none" spc="0" normalizeH="0" baseline="0" noProof="0" dirty="0">
              <a:ln>
                <a:noFill/>
              </a:ln>
              <a:solidFill>
                <a:prstClr val="black"/>
              </a:solidFill>
              <a:effectLst/>
              <a:uLnTx/>
              <a:uFillTx/>
              <a:latin typeface="Verdana"/>
              <a:ea typeface="+mn-ea"/>
              <a:cs typeface="+mn-cs"/>
            </a:endParaRPr>
          </a:p>
        </p:txBody>
      </p:sp>
      <p:sp>
        <p:nvSpPr>
          <p:cNvPr id="21" name="Rectangle 14">
            <a:extLst>
              <a:ext uri="{FF2B5EF4-FFF2-40B4-BE49-F238E27FC236}">
                <a16:creationId xmlns:a16="http://schemas.microsoft.com/office/drawing/2014/main" id="{CA34CAA5-B1AB-5790-B953-B45125E5E78B}"/>
              </a:ext>
            </a:extLst>
          </p:cNvPr>
          <p:cNvSpPr/>
          <p:nvPr/>
        </p:nvSpPr>
        <p:spPr>
          <a:xfrm>
            <a:off x="4008089" y="1977407"/>
            <a:ext cx="4827356" cy="6794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171450" marR="0" lvl="0" indent="-171450" algn="l" defTabSz="914400"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nl-NL" sz="1600" b="0" i="0" u="none" strike="noStrike" kern="1200" cap="none" spc="0" normalizeH="0" baseline="0" noProof="0" dirty="0">
                <a:ln>
                  <a:noFill/>
                </a:ln>
                <a:solidFill>
                  <a:prstClr val="black"/>
                </a:solidFill>
                <a:effectLst/>
                <a:uLnTx/>
                <a:uFillTx/>
                <a:latin typeface="Verdana"/>
                <a:ea typeface="+mn-ea"/>
                <a:cs typeface="+mn-cs"/>
              </a:rPr>
              <a:t>Toezichthouderregeling</a:t>
            </a:r>
          </a:p>
          <a:p>
            <a:pPr marL="171450" marR="0" lvl="0" indent="-171450" algn="l" defTabSz="914400"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nl-NL" sz="1600" b="0" i="0" u="none" strike="noStrike" kern="1200" cap="none" spc="0" normalizeH="0" baseline="0" noProof="0" dirty="0">
                <a:ln>
                  <a:noFill/>
                </a:ln>
                <a:solidFill>
                  <a:prstClr val="black"/>
                </a:solidFill>
                <a:effectLst/>
                <a:uLnTx/>
                <a:uFillTx/>
                <a:latin typeface="Verdana"/>
                <a:ea typeface="+mn-ea"/>
                <a:cs typeface="+mn-cs"/>
              </a:rPr>
              <a:t>Invaarsjabloon</a:t>
            </a:r>
          </a:p>
          <a:p>
            <a:pPr marL="171450" marR="0" lvl="0" indent="-171450" algn="l" defTabSz="914400"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nl-NL" sz="1600" b="0" i="0" u="none" strike="noStrike" kern="1200" cap="none" spc="0" normalizeH="0" baseline="0" noProof="0" dirty="0">
                <a:ln>
                  <a:noFill/>
                </a:ln>
                <a:solidFill>
                  <a:prstClr val="black"/>
                </a:solidFill>
                <a:effectLst/>
                <a:uLnTx/>
                <a:uFillTx/>
                <a:latin typeface="Verdana"/>
                <a:ea typeface="+mn-ea"/>
                <a:cs typeface="+mn-cs"/>
              </a:rPr>
              <a:t>Partiële beoordeling</a:t>
            </a:r>
          </a:p>
        </p:txBody>
      </p:sp>
      <p:sp>
        <p:nvSpPr>
          <p:cNvPr id="22" name="Rectangle 15">
            <a:extLst>
              <a:ext uri="{FF2B5EF4-FFF2-40B4-BE49-F238E27FC236}">
                <a16:creationId xmlns:a16="http://schemas.microsoft.com/office/drawing/2014/main" id="{73F0944E-08FB-8969-73F9-8B21686E23A3}"/>
              </a:ext>
            </a:extLst>
          </p:cNvPr>
          <p:cNvSpPr/>
          <p:nvPr/>
        </p:nvSpPr>
        <p:spPr>
          <a:xfrm>
            <a:off x="4029308" y="2775880"/>
            <a:ext cx="4827356" cy="7062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171450" marR="0" lvl="0" indent="-171450" algn="l" defTabSz="914400"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nl-NL" sz="1600" b="0" i="0" u="none" strike="noStrike" kern="1200" cap="none" spc="0" normalizeH="0" baseline="0" noProof="0" dirty="0">
                <a:ln>
                  <a:noFill/>
                </a:ln>
                <a:solidFill>
                  <a:prstClr val="black"/>
                </a:solidFill>
                <a:effectLst/>
                <a:uLnTx/>
                <a:uFillTx/>
                <a:latin typeface="Verdana"/>
                <a:ea typeface="+mn-ea"/>
                <a:cs typeface="+mn-cs"/>
              </a:rPr>
              <a:t>Digitaal meldingsformulier</a:t>
            </a:r>
          </a:p>
        </p:txBody>
      </p:sp>
      <p:cxnSp>
        <p:nvCxnSpPr>
          <p:cNvPr id="23" name="Straight Connector 18">
            <a:extLst>
              <a:ext uri="{FF2B5EF4-FFF2-40B4-BE49-F238E27FC236}">
                <a16:creationId xmlns:a16="http://schemas.microsoft.com/office/drawing/2014/main" id="{CFC94AFC-F117-82D6-866A-4F3F9B43A3AD}"/>
              </a:ext>
            </a:extLst>
          </p:cNvPr>
          <p:cNvCxnSpPr/>
          <p:nvPr/>
        </p:nvCxnSpPr>
        <p:spPr>
          <a:xfrm>
            <a:off x="295202" y="1936975"/>
            <a:ext cx="8561461"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24" name="Straight Connector 19">
            <a:extLst>
              <a:ext uri="{FF2B5EF4-FFF2-40B4-BE49-F238E27FC236}">
                <a16:creationId xmlns:a16="http://schemas.microsoft.com/office/drawing/2014/main" id="{360CEC7B-CE9C-91D1-A8C4-B67BCD897764}"/>
              </a:ext>
            </a:extLst>
          </p:cNvPr>
          <p:cNvCxnSpPr/>
          <p:nvPr/>
        </p:nvCxnSpPr>
        <p:spPr>
          <a:xfrm>
            <a:off x="295202" y="3555282"/>
            <a:ext cx="8561461"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cxnSp>
        <p:nvCxnSpPr>
          <p:cNvPr id="25" name="Straight Connector 20">
            <a:extLst>
              <a:ext uri="{FF2B5EF4-FFF2-40B4-BE49-F238E27FC236}">
                <a16:creationId xmlns:a16="http://schemas.microsoft.com/office/drawing/2014/main" id="{551A625A-3E10-1980-23B4-CF92F71635DE}"/>
              </a:ext>
            </a:extLst>
          </p:cNvPr>
          <p:cNvCxnSpPr/>
          <p:nvPr/>
        </p:nvCxnSpPr>
        <p:spPr>
          <a:xfrm>
            <a:off x="295202" y="2775568"/>
            <a:ext cx="8561461"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pic>
        <p:nvPicPr>
          <p:cNvPr id="26" name="Graphic 25" descr="Web design with solid fill">
            <a:extLst>
              <a:ext uri="{FF2B5EF4-FFF2-40B4-BE49-F238E27FC236}">
                <a16:creationId xmlns:a16="http://schemas.microsoft.com/office/drawing/2014/main" id="{75FDF52E-E2BD-2844-8BF2-DDDCED40D7FE}"/>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2780055" y="2793520"/>
            <a:ext cx="648000" cy="648000"/>
          </a:xfrm>
          <a:prstGeom prst="rect">
            <a:avLst/>
          </a:prstGeom>
        </p:spPr>
      </p:pic>
      <p:pic>
        <p:nvPicPr>
          <p:cNvPr id="27" name="Graphic 26" descr="Hierarchy outline">
            <a:extLst>
              <a:ext uri="{FF2B5EF4-FFF2-40B4-BE49-F238E27FC236}">
                <a16:creationId xmlns:a16="http://schemas.microsoft.com/office/drawing/2014/main" id="{39B19B02-C69D-95A7-981F-06AB8799807C}"/>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2780055" y="1995079"/>
            <a:ext cx="540000" cy="540000"/>
          </a:xfrm>
          <a:prstGeom prst="rect">
            <a:avLst/>
          </a:prstGeom>
        </p:spPr>
      </p:pic>
      <p:sp>
        <p:nvSpPr>
          <p:cNvPr id="29" name="Tekstvak 28">
            <a:extLst>
              <a:ext uri="{FF2B5EF4-FFF2-40B4-BE49-F238E27FC236}">
                <a16:creationId xmlns:a16="http://schemas.microsoft.com/office/drawing/2014/main" id="{D96C3723-96D5-8D79-A45C-0EBD945BFD6D}"/>
              </a:ext>
            </a:extLst>
          </p:cNvPr>
          <p:cNvSpPr txBox="1"/>
          <p:nvPr/>
        </p:nvSpPr>
        <p:spPr>
          <a:xfrm>
            <a:off x="328440" y="1324112"/>
            <a:ext cx="4587764" cy="400110"/>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l-NL" sz="2000" b="1" i="0" u="none" strike="noStrike" kern="1200" cap="none" spc="0" normalizeH="0" baseline="0" noProof="0" dirty="0">
                <a:ln>
                  <a:noFill/>
                </a:ln>
                <a:solidFill>
                  <a:prstClr val="black"/>
                </a:solidFill>
                <a:effectLst/>
                <a:uLnTx/>
                <a:uFillTx/>
                <a:latin typeface="Verdana"/>
                <a:ea typeface="+mn-ea"/>
                <a:cs typeface="+mn-cs"/>
              </a:rPr>
              <a:t>Informeren</a:t>
            </a:r>
          </a:p>
        </p:txBody>
      </p:sp>
      <p:sp>
        <p:nvSpPr>
          <p:cNvPr id="31" name="Tekstvak 30">
            <a:extLst>
              <a:ext uri="{FF2B5EF4-FFF2-40B4-BE49-F238E27FC236}">
                <a16:creationId xmlns:a16="http://schemas.microsoft.com/office/drawing/2014/main" id="{D58C248B-6071-4B88-0857-D047C5728B32}"/>
              </a:ext>
            </a:extLst>
          </p:cNvPr>
          <p:cNvSpPr txBox="1"/>
          <p:nvPr/>
        </p:nvSpPr>
        <p:spPr>
          <a:xfrm>
            <a:off x="4008089" y="1078078"/>
            <a:ext cx="4587764" cy="830997"/>
          </a:xfrm>
          <a:prstGeom prst="rect">
            <a:avLst/>
          </a:prstGeom>
          <a:noFill/>
        </p:spPr>
        <p:txBody>
          <a:bodyPr wrap="square">
            <a:spAutoFit/>
          </a:bodyPr>
          <a:lstStyle/>
          <a:p>
            <a:pPr marL="171450" marR="0" lvl="0" indent="-171450" algn="l" defTabSz="914400"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nl-NL" sz="1600" b="0" i="0" u="none" strike="noStrike" kern="1200" cap="none" spc="0" normalizeH="0" baseline="0" noProof="0" dirty="0">
                <a:ln>
                  <a:noFill/>
                </a:ln>
                <a:solidFill>
                  <a:prstClr val="black"/>
                </a:solidFill>
                <a:effectLst/>
                <a:uLnTx/>
                <a:uFillTx/>
                <a:latin typeface="Verdana"/>
                <a:ea typeface="+mn-ea"/>
                <a:cs typeface="+mn-cs"/>
              </a:rPr>
              <a:t>Toezichtgesprekken</a:t>
            </a:r>
          </a:p>
          <a:p>
            <a:pPr marL="171450" marR="0" lvl="0" indent="-171450" algn="l" defTabSz="914400"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nl-NL" sz="1600" b="0" i="0" u="none" strike="noStrike" kern="1200" cap="none" spc="0" normalizeH="0" baseline="0" noProof="0" dirty="0" err="1">
                <a:ln>
                  <a:noFill/>
                </a:ln>
                <a:solidFill>
                  <a:prstClr val="black"/>
                </a:solidFill>
                <a:effectLst/>
                <a:uLnTx/>
                <a:uFillTx/>
                <a:latin typeface="Verdana"/>
                <a:ea typeface="+mn-ea"/>
                <a:cs typeface="+mn-cs"/>
              </a:rPr>
              <a:t>Factsheets</a:t>
            </a:r>
            <a:r>
              <a:rPr kumimoji="0" lang="nl-NL" sz="1600" b="0" i="0" u="none" strike="noStrike" kern="1200" cap="none" spc="0" normalizeH="0" baseline="0" noProof="0" dirty="0">
                <a:ln>
                  <a:noFill/>
                </a:ln>
                <a:solidFill>
                  <a:prstClr val="black"/>
                </a:solidFill>
                <a:effectLst/>
                <a:uLnTx/>
                <a:uFillTx/>
                <a:latin typeface="Verdana"/>
                <a:ea typeface="+mn-ea"/>
                <a:cs typeface="+mn-cs"/>
              </a:rPr>
              <a:t>,</a:t>
            </a:r>
            <a:r>
              <a:rPr lang="nl-NL" sz="1600" dirty="0">
                <a:solidFill>
                  <a:prstClr val="black"/>
                </a:solidFill>
                <a:latin typeface="Verdana"/>
              </a:rPr>
              <a:t> </a:t>
            </a:r>
            <a:r>
              <a:rPr kumimoji="0" lang="nl-NL" sz="1600" b="0" i="0" u="none" strike="noStrike" kern="1200" cap="none" spc="0" normalizeH="0" baseline="0" noProof="0" dirty="0" err="1">
                <a:ln>
                  <a:noFill/>
                </a:ln>
                <a:solidFill>
                  <a:prstClr val="black"/>
                </a:solidFill>
                <a:effectLst/>
                <a:uLnTx/>
                <a:uFillTx/>
                <a:latin typeface="Verdana"/>
                <a:ea typeface="+mn-ea"/>
                <a:cs typeface="+mn-cs"/>
              </a:rPr>
              <a:t>Q&amp;A’s</a:t>
            </a:r>
            <a:r>
              <a:rPr kumimoji="0" lang="nl-NL" sz="1600" b="0" i="0" u="none" strike="noStrike" kern="1200" cap="none" spc="0" normalizeH="0" baseline="0" noProof="0" dirty="0">
                <a:ln>
                  <a:noFill/>
                </a:ln>
                <a:solidFill>
                  <a:prstClr val="black"/>
                </a:solidFill>
                <a:effectLst/>
                <a:uLnTx/>
                <a:uFillTx/>
                <a:latin typeface="Verdana"/>
                <a:ea typeface="+mn-ea"/>
                <a:cs typeface="+mn-cs"/>
              </a:rPr>
              <a:t>, </a:t>
            </a:r>
            <a:r>
              <a:rPr kumimoji="0" lang="nl-NL" sz="1600" b="0" i="0" u="none" strike="noStrike" kern="1200" cap="none" spc="0" normalizeH="0" baseline="0" noProof="0" dirty="0" err="1">
                <a:ln>
                  <a:noFill/>
                </a:ln>
                <a:solidFill>
                  <a:prstClr val="black"/>
                </a:solidFill>
                <a:effectLst/>
                <a:uLnTx/>
                <a:uFillTx/>
                <a:latin typeface="Verdana"/>
                <a:ea typeface="+mn-ea"/>
                <a:cs typeface="+mn-cs"/>
              </a:rPr>
              <a:t>good</a:t>
            </a:r>
            <a:r>
              <a:rPr kumimoji="0" lang="nl-NL" sz="1600" b="0" i="0" u="none" strike="noStrike" kern="1200" cap="none" spc="0" normalizeH="0" baseline="0" noProof="0" dirty="0">
                <a:ln>
                  <a:noFill/>
                </a:ln>
                <a:solidFill>
                  <a:prstClr val="black"/>
                </a:solidFill>
                <a:effectLst/>
                <a:uLnTx/>
                <a:uFillTx/>
                <a:latin typeface="Verdana"/>
                <a:ea typeface="+mn-ea"/>
                <a:cs typeface="+mn-cs"/>
              </a:rPr>
              <a:t> </a:t>
            </a:r>
            <a:r>
              <a:rPr kumimoji="0" lang="nl-NL" sz="1600" b="0" i="0" u="none" strike="noStrike" kern="1200" cap="none" spc="0" normalizeH="0" baseline="0" noProof="0" dirty="0" err="1">
                <a:ln>
                  <a:noFill/>
                </a:ln>
                <a:solidFill>
                  <a:prstClr val="black"/>
                </a:solidFill>
                <a:effectLst/>
                <a:uLnTx/>
                <a:uFillTx/>
                <a:latin typeface="Verdana"/>
                <a:ea typeface="+mn-ea"/>
                <a:cs typeface="+mn-cs"/>
              </a:rPr>
              <a:t>practices</a:t>
            </a:r>
            <a:endParaRPr kumimoji="0" lang="nl-NL" sz="1600" b="0" i="0" u="none" strike="noStrike" kern="1200" cap="none" spc="0" normalizeH="0" baseline="0" noProof="0" dirty="0">
              <a:ln>
                <a:noFill/>
              </a:ln>
              <a:solidFill>
                <a:prstClr val="black"/>
              </a:solidFill>
              <a:effectLst/>
              <a:uLnTx/>
              <a:uFillTx/>
              <a:latin typeface="Verdana"/>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nl-NL" sz="1600" b="0" i="0" u="none" strike="noStrike" kern="1200" cap="none" spc="0" normalizeH="0" baseline="0" noProof="0" dirty="0">
                <a:ln>
                  <a:noFill/>
                </a:ln>
                <a:solidFill>
                  <a:prstClr val="black"/>
                </a:solidFill>
                <a:effectLst/>
                <a:uLnTx/>
                <a:uFillTx/>
                <a:latin typeface="Verdana"/>
                <a:ea typeface="+mn-ea"/>
                <a:cs typeface="+mn-cs"/>
              </a:rPr>
              <a:t>Seminars, workshops, nieuwsberichten</a:t>
            </a:r>
            <a:endParaRPr kumimoji="0" lang="nl-NL" sz="1400" b="0" i="0" u="none" strike="noStrike" kern="1200" cap="none" spc="0" normalizeH="0" baseline="0" noProof="0" dirty="0">
              <a:ln>
                <a:noFill/>
              </a:ln>
              <a:solidFill>
                <a:prstClr val="black"/>
              </a:solidFill>
              <a:effectLst/>
              <a:uLnTx/>
              <a:uFillTx/>
              <a:latin typeface="Verdana"/>
              <a:ea typeface="+mn-ea"/>
              <a:cs typeface="+mn-cs"/>
            </a:endParaRPr>
          </a:p>
        </p:txBody>
      </p:sp>
    </p:spTree>
    <p:custDataLst>
      <p:custData r:id="rId1"/>
      <p:custData r:id="rId2"/>
    </p:custDataLst>
    <p:extLst>
      <p:ext uri="{BB962C8B-B14F-4D97-AF65-F5344CB8AC3E}">
        <p14:creationId xmlns:p14="http://schemas.microsoft.com/office/powerpoint/2010/main" val="206614623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0" name="Title 19">
            <a:extLst>
              <a:ext uri="{FF2B5EF4-FFF2-40B4-BE49-F238E27FC236}">
                <a16:creationId xmlns:a16="http://schemas.microsoft.com/office/drawing/2014/main" id="{68DB19C2-68E3-61B9-6ADB-E0A1BB9C33E7}"/>
              </a:ext>
            </a:extLst>
          </p:cNvPr>
          <p:cNvSpPr>
            <a:spLocks noGrp="1"/>
          </p:cNvSpPr>
          <p:nvPr>
            <p:ph type="title"/>
          </p:nvPr>
        </p:nvSpPr>
        <p:spPr>
          <a:xfrm>
            <a:off x="511348" y="435549"/>
            <a:ext cx="8126878" cy="364326"/>
          </a:xfrm>
        </p:spPr>
        <p:txBody>
          <a:bodyPr anchor="t">
            <a:normAutofit/>
          </a:bodyPr>
          <a:lstStyle/>
          <a:p>
            <a:pPr algn="l"/>
            <a:r>
              <a:rPr lang="en-US" b="1">
                <a:latin typeface="DNB-Fedra"/>
              </a:rPr>
              <a:t>Het </a:t>
            </a:r>
            <a:r>
              <a:rPr lang="en-US" b="1" err="1">
                <a:latin typeface="DNB-Fedra"/>
              </a:rPr>
              <a:t>traject</a:t>
            </a:r>
            <a:r>
              <a:rPr lang="en-US" b="1">
                <a:latin typeface="DNB-Fedra"/>
              </a:rPr>
              <a:t> van </a:t>
            </a:r>
            <a:r>
              <a:rPr lang="en-US" b="1" err="1">
                <a:latin typeface="DNB-Fedra"/>
              </a:rPr>
              <a:t>een</a:t>
            </a:r>
            <a:r>
              <a:rPr lang="en-US" b="1">
                <a:latin typeface="DNB-Fedra"/>
              </a:rPr>
              <a:t> </a:t>
            </a:r>
            <a:r>
              <a:rPr lang="en-US" b="1" err="1">
                <a:latin typeface="DNB-Fedra"/>
              </a:rPr>
              <a:t>invaarmelding</a:t>
            </a:r>
            <a:endParaRPr lang="en-US" b="1" i="0">
              <a:effectLst/>
              <a:latin typeface="DNB-Fedra"/>
            </a:endParaRPr>
          </a:p>
        </p:txBody>
      </p:sp>
      <p:sp>
        <p:nvSpPr>
          <p:cNvPr id="2" name="Slide Number Placeholder 1">
            <a:extLst>
              <a:ext uri="{FF2B5EF4-FFF2-40B4-BE49-F238E27FC236}">
                <a16:creationId xmlns:a16="http://schemas.microsoft.com/office/drawing/2014/main" id="{5919FC2B-3107-CE6A-7801-3F194A44CC75}"/>
              </a:ext>
            </a:extLst>
          </p:cNvPr>
          <p:cNvSpPr>
            <a:spLocks noGrp="1"/>
          </p:cNvSpPr>
          <p:nvPr>
            <p:ph type="sldNum" sz="quarter" idx="10"/>
          </p:nvPr>
        </p:nvSpPr>
        <p:spPr>
          <a:xfrm>
            <a:off x="8119110" y="4741067"/>
            <a:ext cx="519115" cy="197644"/>
          </a:xfrm>
        </p:spPr>
        <p:txBody>
          <a:bodyPr anchor="ctr">
            <a:normAutofit/>
          </a:bodyPr>
          <a:lstStyle/>
          <a:p>
            <a:pPr>
              <a:spcAft>
                <a:spcPts val="600"/>
              </a:spcAft>
            </a:pPr>
            <a:fld id="{A57ACD69-77E0-4B27-BE9A-0E1A45A60CED}" type="slidenum">
              <a:rPr lang="en-US" smtClean="0"/>
              <a:pPr>
                <a:spcAft>
                  <a:spcPts val="600"/>
                </a:spcAft>
              </a:pPr>
              <a:t>3</a:t>
            </a:fld>
            <a:endParaRPr lang="en-GB"/>
          </a:p>
        </p:txBody>
      </p:sp>
      <p:pic>
        <p:nvPicPr>
          <p:cNvPr id="4" name="Afbeelding 3">
            <a:extLst>
              <a:ext uri="{FF2B5EF4-FFF2-40B4-BE49-F238E27FC236}">
                <a16:creationId xmlns:a16="http://schemas.microsoft.com/office/drawing/2014/main" id="{2DAA09F0-4023-AF56-F995-97C13681AD4B}"/>
              </a:ext>
            </a:extLst>
          </p:cNvPr>
          <p:cNvPicPr>
            <a:picLocks noChangeAspect="1"/>
          </p:cNvPicPr>
          <p:nvPr/>
        </p:nvPicPr>
        <p:blipFill>
          <a:blip r:embed="rId5"/>
          <a:stretch>
            <a:fillRect/>
          </a:stretch>
        </p:blipFill>
        <p:spPr>
          <a:xfrm>
            <a:off x="220214" y="939388"/>
            <a:ext cx="6081782" cy="4124912"/>
          </a:xfrm>
          <a:prstGeom prst="rect">
            <a:avLst/>
          </a:prstGeom>
        </p:spPr>
      </p:pic>
      <p:sp>
        <p:nvSpPr>
          <p:cNvPr id="3" name="Tekstvak 2">
            <a:extLst>
              <a:ext uri="{FF2B5EF4-FFF2-40B4-BE49-F238E27FC236}">
                <a16:creationId xmlns:a16="http://schemas.microsoft.com/office/drawing/2014/main" id="{AFC7A3B4-A3CB-94A9-168F-4DED4868A1E7}"/>
              </a:ext>
            </a:extLst>
          </p:cNvPr>
          <p:cNvSpPr txBox="1"/>
          <p:nvPr/>
        </p:nvSpPr>
        <p:spPr>
          <a:xfrm>
            <a:off x="4540358" y="4301979"/>
            <a:ext cx="4097867" cy="369332"/>
          </a:xfrm>
          <a:prstGeom prst="rect">
            <a:avLst/>
          </a:prstGeom>
          <a:noFill/>
        </p:spPr>
        <p:txBody>
          <a:bodyPr wrap="square" rtlCol="0">
            <a:spAutoFit/>
          </a:bodyPr>
          <a:lstStyle/>
          <a:p>
            <a:r>
              <a:rPr lang="nl-NL" dirty="0">
                <a:sym typeface="Wingdings" panose="05000000000000000000" pitchFamily="2" charset="2"/>
              </a:rPr>
              <a:t> Gebruik van voorschriften</a:t>
            </a:r>
            <a:endParaRPr lang="en-NL" dirty="0"/>
          </a:p>
        </p:txBody>
      </p:sp>
    </p:spTree>
    <p:custDataLst>
      <p:custData r:id="rId1"/>
      <p:custData r:id="rId2"/>
    </p:custDataLst>
    <p:extLst>
      <p:ext uri="{BB962C8B-B14F-4D97-AF65-F5344CB8AC3E}">
        <p14:creationId xmlns:p14="http://schemas.microsoft.com/office/powerpoint/2010/main" val="8026343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7C617E7B-8C80-9F09-F744-08831031EBB1}"/>
              </a:ext>
            </a:extLst>
          </p:cNvPr>
          <p:cNvSpPr>
            <a:spLocks noGrp="1"/>
          </p:cNvSpPr>
          <p:nvPr>
            <p:ph type="title"/>
          </p:nvPr>
        </p:nvSpPr>
        <p:spPr>
          <a:xfrm>
            <a:off x="511348" y="435549"/>
            <a:ext cx="8126878" cy="364326"/>
          </a:xfrm>
        </p:spPr>
        <p:txBody>
          <a:bodyPr anchor="t">
            <a:normAutofit/>
          </a:bodyPr>
          <a:lstStyle/>
          <a:p>
            <a:r>
              <a:rPr lang="nl-NL" b="1">
                <a:latin typeface="DNB-Fedra"/>
              </a:rPr>
              <a:t>Invaarmeldingen: feiten en cijfers</a:t>
            </a:r>
          </a:p>
        </p:txBody>
      </p:sp>
      <p:sp>
        <p:nvSpPr>
          <p:cNvPr id="5" name="Slide Number Placeholder 4">
            <a:extLst>
              <a:ext uri="{FF2B5EF4-FFF2-40B4-BE49-F238E27FC236}">
                <a16:creationId xmlns:a16="http://schemas.microsoft.com/office/drawing/2014/main" id="{C16A319B-AA43-4FCA-8F06-4B13A84D035D}"/>
              </a:ext>
            </a:extLst>
          </p:cNvPr>
          <p:cNvSpPr>
            <a:spLocks noGrp="1"/>
          </p:cNvSpPr>
          <p:nvPr>
            <p:ph type="sldNum" sz="quarter" idx="10"/>
          </p:nvPr>
        </p:nvSpPr>
        <p:spPr>
          <a:xfrm>
            <a:off x="8119110" y="4741067"/>
            <a:ext cx="519115" cy="197644"/>
          </a:xfrm>
        </p:spPr>
        <p:txBody>
          <a:bodyPr anchor="ctr">
            <a:normAutofit/>
          </a:bodyPr>
          <a:lstStyle/>
          <a:p>
            <a:pPr>
              <a:spcAft>
                <a:spcPts val="600"/>
              </a:spcAft>
            </a:pPr>
            <a:fld id="{A57ACD69-77E0-4B27-BE9A-0E1A45A60CED}" type="slidenum">
              <a:rPr lang="en-US" smtClean="0"/>
              <a:pPr>
                <a:spcAft>
                  <a:spcPts val="600"/>
                </a:spcAft>
              </a:pPr>
              <a:t>4</a:t>
            </a:fld>
            <a:endParaRPr lang="en-GB"/>
          </a:p>
        </p:txBody>
      </p:sp>
      <p:graphicFrame>
        <p:nvGraphicFramePr>
          <p:cNvPr id="2" name="Table 1">
            <a:extLst>
              <a:ext uri="{FF2B5EF4-FFF2-40B4-BE49-F238E27FC236}">
                <a16:creationId xmlns:a16="http://schemas.microsoft.com/office/drawing/2014/main" id="{E2400D54-B0AB-B050-B41C-B232E1A83259}"/>
              </a:ext>
            </a:extLst>
          </p:cNvPr>
          <p:cNvGraphicFramePr>
            <a:graphicFrameLocks noGrp="1"/>
          </p:cNvGraphicFramePr>
          <p:nvPr>
            <p:extLst>
              <p:ext uri="{D42A27DB-BD31-4B8C-83A1-F6EECF244321}">
                <p14:modId xmlns:p14="http://schemas.microsoft.com/office/powerpoint/2010/main" val="4069579853"/>
              </p:ext>
            </p:extLst>
          </p:nvPr>
        </p:nvGraphicFramePr>
        <p:xfrm>
          <a:off x="1311130" y="1837723"/>
          <a:ext cx="6680870" cy="1630680"/>
        </p:xfrm>
        <a:graphic>
          <a:graphicData uri="http://schemas.openxmlformats.org/drawingml/2006/table">
            <a:tbl>
              <a:tblPr firstRow="1" bandRow="1">
                <a:tableStyleId>{5C22544A-7EE6-4342-B048-85BDC9FD1C3A}</a:tableStyleId>
              </a:tblPr>
              <a:tblGrid>
                <a:gridCol w="2402799">
                  <a:extLst>
                    <a:ext uri="{9D8B030D-6E8A-4147-A177-3AD203B41FA5}">
                      <a16:colId xmlns:a16="http://schemas.microsoft.com/office/drawing/2014/main" val="2496076328"/>
                    </a:ext>
                  </a:extLst>
                </a:gridCol>
                <a:gridCol w="2333210">
                  <a:extLst>
                    <a:ext uri="{9D8B030D-6E8A-4147-A177-3AD203B41FA5}">
                      <a16:colId xmlns:a16="http://schemas.microsoft.com/office/drawing/2014/main" val="3117238570"/>
                    </a:ext>
                  </a:extLst>
                </a:gridCol>
                <a:gridCol w="1944861">
                  <a:extLst>
                    <a:ext uri="{9D8B030D-6E8A-4147-A177-3AD203B41FA5}">
                      <a16:colId xmlns:a16="http://schemas.microsoft.com/office/drawing/2014/main" val="4079862293"/>
                    </a:ext>
                  </a:extLst>
                </a:gridCol>
              </a:tblGrid>
              <a:tr h="456278">
                <a:tc>
                  <a:txBody>
                    <a:bodyPr/>
                    <a:lstStyle/>
                    <a:p>
                      <a:endParaRPr lang="en-US" sz="1400"/>
                    </a:p>
                  </a:txBody>
                  <a:tcPr/>
                </a:tc>
                <a:tc>
                  <a:txBody>
                    <a:bodyPr/>
                    <a:lstStyle/>
                    <a:p>
                      <a:r>
                        <a:rPr lang="en-US" sz="1400" b="1" dirty="0" err="1">
                          <a:latin typeface="Verdana"/>
                        </a:rPr>
                        <a:t>Partiële</a:t>
                      </a:r>
                      <a:r>
                        <a:rPr lang="en-US" sz="1400" b="1" dirty="0">
                          <a:latin typeface="Verdana"/>
                        </a:rPr>
                        <a:t> beoordelingen</a:t>
                      </a:r>
                    </a:p>
                  </a:txBody>
                  <a:tcPr/>
                </a:tc>
                <a:tc>
                  <a:txBody>
                    <a:bodyPr/>
                    <a:lstStyle/>
                    <a:p>
                      <a:r>
                        <a:rPr lang="en-US" sz="1400" b="1" dirty="0" err="1">
                          <a:latin typeface="Verdana"/>
                        </a:rPr>
                        <a:t>Invaarmeldingen</a:t>
                      </a:r>
                      <a:endParaRPr lang="en-US" sz="1400" b="1" dirty="0">
                        <a:latin typeface="Verdana"/>
                      </a:endParaRPr>
                    </a:p>
                  </a:txBody>
                  <a:tcPr/>
                </a:tc>
                <a:extLst>
                  <a:ext uri="{0D108BD9-81ED-4DB2-BD59-A6C34878D82A}">
                    <a16:rowId xmlns:a16="http://schemas.microsoft.com/office/drawing/2014/main" val="1781353715"/>
                  </a:ext>
                </a:extLst>
              </a:tr>
              <a:tr h="370840">
                <a:tc>
                  <a:txBody>
                    <a:bodyPr/>
                    <a:lstStyle/>
                    <a:p>
                      <a:r>
                        <a:rPr lang="en-US" sz="1400">
                          <a:latin typeface="Verdana"/>
                        </a:rPr>
                        <a:t>Reeds </a:t>
                      </a:r>
                      <a:r>
                        <a:rPr lang="en-US" sz="1400" err="1">
                          <a:latin typeface="Verdana"/>
                        </a:rPr>
                        <a:t>ontvangen</a:t>
                      </a:r>
                    </a:p>
                  </a:txBody>
                  <a:tcPr/>
                </a:tc>
                <a:tc>
                  <a:txBody>
                    <a:bodyPr/>
                    <a:lstStyle/>
                    <a:p>
                      <a:pPr algn="ctr"/>
                      <a:r>
                        <a:rPr lang="en-US" sz="1400"/>
                        <a:t>9</a:t>
                      </a:r>
                    </a:p>
                  </a:txBody>
                  <a:tcPr/>
                </a:tc>
                <a:tc>
                  <a:txBody>
                    <a:bodyPr/>
                    <a:lstStyle/>
                    <a:p>
                      <a:pPr algn="ctr"/>
                      <a:r>
                        <a:rPr lang="en-US" sz="1400" dirty="0"/>
                        <a:t>6</a:t>
                      </a:r>
                    </a:p>
                  </a:txBody>
                  <a:tcPr/>
                </a:tc>
                <a:extLst>
                  <a:ext uri="{0D108BD9-81ED-4DB2-BD59-A6C34878D82A}">
                    <a16:rowId xmlns:a16="http://schemas.microsoft.com/office/drawing/2014/main" val="2076622117"/>
                  </a:ext>
                </a:extLst>
              </a:tr>
              <a:tr h="370840">
                <a:tc>
                  <a:txBody>
                    <a:bodyPr/>
                    <a:lstStyle/>
                    <a:p>
                      <a:r>
                        <a:rPr lang="en-US" sz="1400" err="1">
                          <a:latin typeface="Verdana"/>
                        </a:rPr>
                        <a:t>Nog</a:t>
                      </a:r>
                      <a:r>
                        <a:rPr lang="en-US" sz="1400">
                          <a:latin typeface="Verdana"/>
                        </a:rPr>
                        <a:t> </a:t>
                      </a:r>
                      <a:r>
                        <a:rPr lang="en-US" sz="1400" err="1">
                          <a:latin typeface="Verdana"/>
                        </a:rPr>
                        <a:t>verwacht</a:t>
                      </a:r>
                      <a:r>
                        <a:rPr lang="en-US" sz="1400">
                          <a:latin typeface="Verdana"/>
                        </a:rPr>
                        <a:t> in 2024</a:t>
                      </a:r>
                    </a:p>
                  </a:txBody>
                  <a:tcPr/>
                </a:tc>
                <a:tc>
                  <a:txBody>
                    <a:bodyPr/>
                    <a:lstStyle/>
                    <a:p>
                      <a:pPr algn="ctr"/>
                      <a:r>
                        <a:rPr lang="en-US" sz="1400" dirty="0"/>
                        <a:t>86</a:t>
                      </a:r>
                    </a:p>
                  </a:txBody>
                  <a:tcPr/>
                </a:tc>
                <a:tc>
                  <a:txBody>
                    <a:bodyPr/>
                    <a:lstStyle/>
                    <a:p>
                      <a:pPr algn="ctr"/>
                      <a:r>
                        <a:rPr lang="en-US" sz="1400"/>
                        <a:t>70</a:t>
                      </a:r>
                    </a:p>
                  </a:txBody>
                  <a:tcPr/>
                </a:tc>
                <a:extLst>
                  <a:ext uri="{0D108BD9-81ED-4DB2-BD59-A6C34878D82A}">
                    <a16:rowId xmlns:a16="http://schemas.microsoft.com/office/drawing/2014/main" val="1589350137"/>
                  </a:ext>
                </a:extLst>
              </a:tr>
              <a:tr h="370840">
                <a:tc>
                  <a:txBody>
                    <a:bodyPr/>
                    <a:lstStyle/>
                    <a:p>
                      <a:r>
                        <a:rPr lang="en-US" sz="1400" err="1">
                          <a:latin typeface="Verdana"/>
                        </a:rPr>
                        <a:t>Verwacht</a:t>
                      </a:r>
                      <a:r>
                        <a:rPr lang="en-US" sz="1400">
                          <a:latin typeface="Verdana"/>
                        </a:rPr>
                        <a:t> in 2025</a:t>
                      </a:r>
                    </a:p>
                  </a:txBody>
                  <a:tcPr/>
                </a:tc>
                <a:tc>
                  <a:txBody>
                    <a:bodyPr/>
                    <a:lstStyle/>
                    <a:p>
                      <a:pPr algn="ctr"/>
                      <a:r>
                        <a:rPr lang="en-US" sz="1400" dirty="0"/>
                        <a:t>12</a:t>
                      </a:r>
                    </a:p>
                  </a:txBody>
                  <a:tcPr/>
                </a:tc>
                <a:tc>
                  <a:txBody>
                    <a:bodyPr/>
                    <a:lstStyle/>
                    <a:p>
                      <a:pPr algn="ctr"/>
                      <a:r>
                        <a:rPr lang="en-US" sz="1400" dirty="0"/>
                        <a:t>50</a:t>
                      </a:r>
                    </a:p>
                  </a:txBody>
                  <a:tcPr/>
                </a:tc>
                <a:extLst>
                  <a:ext uri="{0D108BD9-81ED-4DB2-BD59-A6C34878D82A}">
                    <a16:rowId xmlns:a16="http://schemas.microsoft.com/office/drawing/2014/main" val="4225650555"/>
                  </a:ext>
                </a:extLst>
              </a:tr>
            </a:tbl>
          </a:graphicData>
        </a:graphic>
      </p:graphicFrame>
    </p:spTree>
    <p:custDataLst>
      <p:custData r:id="rId1"/>
      <p:custData r:id="rId2"/>
    </p:custDataLst>
    <p:extLst>
      <p:ext uri="{BB962C8B-B14F-4D97-AF65-F5344CB8AC3E}">
        <p14:creationId xmlns:p14="http://schemas.microsoft.com/office/powerpoint/2010/main" val="353543203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7C617E7B-8C80-9F09-F744-08831031EBB1}"/>
              </a:ext>
            </a:extLst>
          </p:cNvPr>
          <p:cNvSpPr>
            <a:spLocks noGrp="1"/>
          </p:cNvSpPr>
          <p:nvPr>
            <p:ph type="title"/>
          </p:nvPr>
        </p:nvSpPr>
        <p:spPr>
          <a:xfrm>
            <a:off x="511348" y="435549"/>
            <a:ext cx="8126878" cy="364326"/>
          </a:xfrm>
        </p:spPr>
        <p:txBody>
          <a:bodyPr anchor="t">
            <a:normAutofit/>
          </a:bodyPr>
          <a:lstStyle/>
          <a:p>
            <a:r>
              <a:rPr lang="nl-NL" b="1">
                <a:latin typeface="DNB-Fedra"/>
              </a:rPr>
              <a:t>Invaarmeldingen: de leercurve in de praktijk </a:t>
            </a:r>
          </a:p>
        </p:txBody>
      </p:sp>
      <p:sp>
        <p:nvSpPr>
          <p:cNvPr id="5" name="Slide Number Placeholder 4">
            <a:extLst>
              <a:ext uri="{FF2B5EF4-FFF2-40B4-BE49-F238E27FC236}">
                <a16:creationId xmlns:a16="http://schemas.microsoft.com/office/drawing/2014/main" id="{C16A319B-AA43-4FCA-8F06-4B13A84D035D}"/>
              </a:ext>
            </a:extLst>
          </p:cNvPr>
          <p:cNvSpPr>
            <a:spLocks noGrp="1"/>
          </p:cNvSpPr>
          <p:nvPr>
            <p:ph type="sldNum" sz="quarter" idx="10"/>
          </p:nvPr>
        </p:nvSpPr>
        <p:spPr>
          <a:xfrm>
            <a:off x="8119110" y="4741067"/>
            <a:ext cx="519115" cy="197644"/>
          </a:xfrm>
        </p:spPr>
        <p:txBody>
          <a:bodyPr anchor="ctr">
            <a:normAutofit/>
          </a:bodyPr>
          <a:lstStyle/>
          <a:p>
            <a:pPr>
              <a:spcAft>
                <a:spcPts val="600"/>
              </a:spcAft>
            </a:pPr>
            <a:fld id="{A57ACD69-77E0-4B27-BE9A-0E1A45A60CED}" type="slidenum">
              <a:rPr lang="en-US" smtClean="0"/>
              <a:pPr>
                <a:spcAft>
                  <a:spcPts val="600"/>
                </a:spcAft>
              </a:pPr>
              <a:t>5</a:t>
            </a:fld>
            <a:endParaRPr lang="en-GB"/>
          </a:p>
        </p:txBody>
      </p:sp>
      <p:sp>
        <p:nvSpPr>
          <p:cNvPr id="3" name="Text Placeholder 2">
            <a:extLst>
              <a:ext uri="{FF2B5EF4-FFF2-40B4-BE49-F238E27FC236}">
                <a16:creationId xmlns:a16="http://schemas.microsoft.com/office/drawing/2014/main" id="{3CE1F181-B6E1-28E0-A66F-D0EB34852215}"/>
              </a:ext>
            </a:extLst>
          </p:cNvPr>
          <p:cNvSpPr>
            <a:spLocks noGrp="1"/>
          </p:cNvSpPr>
          <p:nvPr>
            <p:ph type="body" sz="quarter" idx="14"/>
          </p:nvPr>
        </p:nvSpPr>
        <p:spPr>
          <a:xfrm>
            <a:off x="594308" y="1335835"/>
            <a:ext cx="3797364" cy="3258928"/>
          </a:xfrm>
        </p:spPr>
        <p:txBody>
          <a:bodyPr vert="horz" wrap="square" lIns="0" tIns="0" rIns="0" bIns="0" rtlCol="0" anchor="t">
            <a:normAutofit/>
          </a:bodyPr>
          <a:lstStyle/>
          <a:p>
            <a:pPr lvl="4"/>
            <a:r>
              <a:rPr lang="nl-NL" sz="1600"/>
              <a:t>DNB</a:t>
            </a:r>
            <a:endParaRPr lang="en-GB" sz="1600"/>
          </a:p>
          <a:p>
            <a:pPr lvl="1" indent="-179705"/>
            <a:r>
              <a:rPr lang="en-US" sz="1600" err="1"/>
              <a:t>Aanscherpen</a:t>
            </a:r>
            <a:r>
              <a:rPr lang="en-US" sz="1600"/>
              <a:t> </a:t>
            </a:r>
            <a:r>
              <a:rPr lang="en-US" sz="1600" err="1"/>
              <a:t>invaarsjabloon</a:t>
            </a:r>
            <a:r>
              <a:rPr lang="en-US" sz="1600"/>
              <a:t>/ </a:t>
            </a:r>
            <a:r>
              <a:rPr lang="en-US" sz="1600" err="1"/>
              <a:t>invulinstructie</a:t>
            </a:r>
            <a:endParaRPr lang="en-US" sz="1600">
              <a:ea typeface="Verdana"/>
            </a:endParaRPr>
          </a:p>
          <a:p>
            <a:pPr lvl="1" indent="-179705"/>
            <a:r>
              <a:rPr lang="en-US" sz="1600" err="1"/>
              <a:t>Onduidelijke</a:t>
            </a:r>
            <a:r>
              <a:rPr lang="en-US" sz="1600"/>
              <a:t> </a:t>
            </a:r>
            <a:r>
              <a:rPr lang="en-US" sz="1600" err="1"/>
              <a:t>scheidslijn</a:t>
            </a:r>
            <a:r>
              <a:rPr lang="en-US" sz="1600"/>
              <a:t> </a:t>
            </a:r>
            <a:r>
              <a:rPr lang="en-US" sz="1600" err="1"/>
              <a:t>controlefase</a:t>
            </a:r>
            <a:r>
              <a:rPr lang="en-US" sz="1600"/>
              <a:t>/</a:t>
            </a:r>
            <a:r>
              <a:rPr lang="en-US" sz="1600" err="1"/>
              <a:t>beoordelingsfase</a:t>
            </a:r>
            <a:endParaRPr lang="en-US" sz="1600" err="1">
              <a:ea typeface="Verdana"/>
            </a:endParaRPr>
          </a:p>
          <a:p>
            <a:endParaRPr lang="en-GB"/>
          </a:p>
        </p:txBody>
      </p:sp>
      <p:sp>
        <p:nvSpPr>
          <p:cNvPr id="2" name="Text Placeholder 2">
            <a:extLst>
              <a:ext uri="{FF2B5EF4-FFF2-40B4-BE49-F238E27FC236}">
                <a16:creationId xmlns:a16="http://schemas.microsoft.com/office/drawing/2014/main" id="{394CE9E4-5240-04F7-7F7F-E4E7C220F312}"/>
              </a:ext>
            </a:extLst>
          </p:cNvPr>
          <p:cNvSpPr txBox="1">
            <a:spLocks/>
          </p:cNvSpPr>
          <p:nvPr/>
        </p:nvSpPr>
        <p:spPr>
          <a:xfrm>
            <a:off x="5045117" y="1335835"/>
            <a:ext cx="3797364" cy="3258928"/>
          </a:xfrm>
          <a:prstGeom prst="rect">
            <a:avLst/>
          </a:prstGeom>
        </p:spPr>
        <p:txBody>
          <a:bodyPr vert="horz" wrap="square" lIns="0" tIns="0" rIns="0" bIns="0" rtlCol="0" anchor="t">
            <a:normAutofit/>
          </a:bodyPr>
          <a:lst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lvl="4"/>
            <a:r>
              <a:rPr lang="nl-NL" sz="1600"/>
              <a:t>Fondsen</a:t>
            </a:r>
            <a:endParaRPr lang="en-GB" sz="1600"/>
          </a:p>
          <a:p>
            <a:pPr lvl="1" indent="-179705"/>
            <a:r>
              <a:rPr lang="en-US" sz="1600"/>
              <a:t>Richt </a:t>
            </a:r>
            <a:r>
              <a:rPr lang="en-US" sz="1600" err="1"/>
              <a:t>proces</a:t>
            </a:r>
            <a:r>
              <a:rPr lang="en-US" sz="1600"/>
              <a:t> in </a:t>
            </a:r>
            <a:r>
              <a:rPr lang="en-US" sz="1600" err="1"/>
              <a:t>voor</a:t>
            </a:r>
            <a:r>
              <a:rPr lang="en-US" sz="1600"/>
              <a:t> </a:t>
            </a:r>
            <a:r>
              <a:rPr lang="en-US" sz="1600" err="1"/>
              <a:t>kwaliteitsborging</a:t>
            </a:r>
            <a:r>
              <a:rPr lang="en-US" sz="1600"/>
              <a:t> </a:t>
            </a:r>
            <a:r>
              <a:rPr lang="en-US" sz="1600" err="1"/>
              <a:t>invaarmelding</a:t>
            </a:r>
            <a:r>
              <a:rPr lang="en-US" sz="1600"/>
              <a:t> </a:t>
            </a:r>
            <a:r>
              <a:rPr lang="en-US" sz="1600" err="1"/>
              <a:t>en</a:t>
            </a:r>
            <a:r>
              <a:rPr lang="en-US" sz="1600"/>
              <a:t> </a:t>
            </a:r>
            <a:r>
              <a:rPr lang="en-US" sz="1600" err="1"/>
              <a:t>invaarsjabloon</a:t>
            </a:r>
            <a:endParaRPr lang="en-US" sz="1600" err="1">
              <a:ea typeface="Verdana"/>
            </a:endParaRPr>
          </a:p>
          <a:p>
            <a:pPr lvl="1" indent="-179705"/>
            <a:r>
              <a:rPr lang="en-GB" sz="1600">
                <a:ea typeface="Verdana"/>
              </a:rPr>
              <a:t>Stel </a:t>
            </a:r>
            <a:r>
              <a:rPr lang="en-GB" sz="1600" err="1">
                <a:ea typeface="Verdana"/>
              </a:rPr>
              <a:t>invaarsjabloon</a:t>
            </a:r>
            <a:r>
              <a:rPr lang="en-GB" sz="1600">
                <a:ea typeface="Verdana"/>
              </a:rPr>
              <a:t> </a:t>
            </a:r>
            <a:r>
              <a:rPr lang="en-GB" sz="1600" err="1">
                <a:ea typeface="Verdana"/>
              </a:rPr>
              <a:t>centraal</a:t>
            </a:r>
            <a:r>
              <a:rPr lang="en-GB" sz="1600">
                <a:ea typeface="Verdana"/>
              </a:rPr>
              <a:t> in </a:t>
            </a:r>
            <a:br>
              <a:rPr lang="en-GB" sz="1600">
                <a:ea typeface="Verdana"/>
              </a:rPr>
            </a:br>
            <a:r>
              <a:rPr lang="en-GB" sz="1600" err="1">
                <a:ea typeface="Verdana"/>
              </a:rPr>
              <a:t>voorbereiding</a:t>
            </a:r>
            <a:r>
              <a:rPr lang="en-GB" sz="1600">
                <a:ea typeface="Verdana"/>
              </a:rPr>
              <a:t> </a:t>
            </a:r>
            <a:r>
              <a:rPr lang="en-GB" sz="1600" err="1">
                <a:ea typeface="Verdana"/>
              </a:rPr>
              <a:t>en</a:t>
            </a:r>
            <a:r>
              <a:rPr lang="en-GB" sz="1600">
                <a:ea typeface="Verdana"/>
              </a:rPr>
              <a:t> </a:t>
            </a:r>
            <a:r>
              <a:rPr lang="en-GB" sz="1600" err="1">
                <a:ea typeface="Verdana"/>
              </a:rPr>
              <a:t>besluitvorming</a:t>
            </a:r>
            <a:endParaRPr lang="en-US" sz="1600" err="1">
              <a:ea typeface="Verdana"/>
            </a:endParaRPr>
          </a:p>
          <a:p>
            <a:pPr lvl="1" indent="-179705"/>
            <a:endParaRPr lang="en-GB" sz="1600">
              <a:ea typeface="Verdana"/>
            </a:endParaRPr>
          </a:p>
          <a:p>
            <a:pPr lvl="1" indent="0">
              <a:buNone/>
            </a:pPr>
            <a:endParaRPr lang="en-GB" sz="1600">
              <a:solidFill>
                <a:srgbClr val="FF0000"/>
              </a:solidFill>
              <a:ea typeface="Verdana"/>
            </a:endParaRPr>
          </a:p>
        </p:txBody>
      </p:sp>
    </p:spTree>
    <p:custDataLst>
      <p:custData r:id="rId1"/>
      <p:custData r:id="rId2"/>
    </p:custDataLst>
    <p:extLst>
      <p:ext uri="{BB962C8B-B14F-4D97-AF65-F5344CB8AC3E}">
        <p14:creationId xmlns:p14="http://schemas.microsoft.com/office/powerpoint/2010/main" val="175173572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142B988A-DE99-DCCB-16E3-1A8B0DD4D054}"/>
              </a:ext>
            </a:extLst>
          </p:cNvPr>
          <p:cNvSpPr>
            <a:spLocks noGrp="1"/>
          </p:cNvSpPr>
          <p:nvPr>
            <p:ph type="sldNum" sz="quarter" idx="10"/>
          </p:nvPr>
        </p:nvSpPr>
        <p:spPr/>
        <p:txBody>
          <a:bodyPr/>
          <a:lstStyle/>
          <a:p>
            <a:fld id="{A57ACD69-77E0-4B27-BE9A-0E1A45A60CED}" type="slidenum">
              <a:rPr lang="en-US" smtClean="0"/>
              <a:pPr/>
              <a:t>6</a:t>
            </a:fld>
            <a:endParaRPr lang="en-GB"/>
          </a:p>
        </p:txBody>
      </p:sp>
      <p:sp>
        <p:nvSpPr>
          <p:cNvPr id="18" name="Title 17">
            <a:extLst>
              <a:ext uri="{FF2B5EF4-FFF2-40B4-BE49-F238E27FC236}">
                <a16:creationId xmlns:a16="http://schemas.microsoft.com/office/drawing/2014/main" id="{20933E72-3CBA-7780-C231-13ED032D3566}"/>
              </a:ext>
            </a:extLst>
          </p:cNvPr>
          <p:cNvSpPr>
            <a:spLocks noGrp="1"/>
          </p:cNvSpPr>
          <p:nvPr>
            <p:ph type="title"/>
          </p:nvPr>
        </p:nvSpPr>
        <p:spPr/>
        <p:txBody>
          <a:bodyPr/>
          <a:lstStyle/>
          <a:p>
            <a:r>
              <a:rPr lang="nl-NL"/>
              <a:t>Titel van de dia</a:t>
            </a:r>
          </a:p>
        </p:txBody>
      </p:sp>
      <p:pic>
        <p:nvPicPr>
          <p:cNvPr id="17" name="Tijdelijke aanduiding voor afbeelding 16" descr="Vraagteken op een groene pastelkleurige achtergrond">
            <a:extLst>
              <a:ext uri="{FF2B5EF4-FFF2-40B4-BE49-F238E27FC236}">
                <a16:creationId xmlns:a16="http://schemas.microsoft.com/office/drawing/2014/main" id="{5D1765E2-0695-BB57-38E0-4219353E12CF}"/>
              </a:ext>
            </a:extLst>
          </p:cNvPr>
          <p:cNvPicPr>
            <a:picLocks noGrp="1" noChangeAspect="1"/>
          </p:cNvPicPr>
          <p:nvPr>
            <p:ph type="pic" sz="quarter" idx="11"/>
          </p:nvPr>
        </p:nvPicPr>
        <p:blipFill>
          <a:blip r:embed="rId5">
            <a:alphaModFix/>
            <a:biLevel thresh="75000"/>
          </a:blip>
          <a:srcRect t="14329" b="14329"/>
          <a:stretch>
            <a:fillRect/>
          </a:stretch>
        </p:blipFill>
        <p:spPr>
          <a:solidFill>
            <a:schemeClr val="accent2"/>
          </a:solidFill>
        </p:spPr>
      </p:pic>
      <p:sp>
        <p:nvSpPr>
          <p:cNvPr id="20" name="Tekstvak 19">
            <a:extLst>
              <a:ext uri="{FF2B5EF4-FFF2-40B4-BE49-F238E27FC236}">
                <a16:creationId xmlns:a16="http://schemas.microsoft.com/office/drawing/2014/main" id="{4E6A15DB-183A-ED2C-1777-A9C3E7651568}"/>
              </a:ext>
            </a:extLst>
          </p:cNvPr>
          <p:cNvSpPr txBox="1"/>
          <p:nvPr/>
        </p:nvSpPr>
        <p:spPr>
          <a:xfrm>
            <a:off x="987137" y="1475509"/>
            <a:ext cx="2774372" cy="769441"/>
          </a:xfrm>
          <a:prstGeom prst="rect">
            <a:avLst/>
          </a:prstGeom>
          <a:noFill/>
        </p:spPr>
        <p:txBody>
          <a:bodyPr wrap="square" rtlCol="0">
            <a:spAutoFit/>
          </a:bodyPr>
          <a:lstStyle/>
          <a:p>
            <a:r>
              <a:rPr lang="nl-NL" sz="4400"/>
              <a:t>Q&amp;A</a:t>
            </a:r>
            <a:endParaRPr lang="en-NL" sz="4400"/>
          </a:p>
        </p:txBody>
      </p:sp>
    </p:spTree>
    <p:custDataLst>
      <p:custData r:id="rId1"/>
      <p:custData r:id="rId2"/>
    </p:custDataLst>
    <p:extLst>
      <p:ext uri="{BB962C8B-B14F-4D97-AF65-F5344CB8AC3E}">
        <p14:creationId xmlns:p14="http://schemas.microsoft.com/office/powerpoint/2010/main" val="2613606874"/>
      </p:ext>
    </p:extLst>
  </p:cSld>
  <p:clrMapOvr>
    <a:masterClrMapping/>
  </p:clrMapOvr>
</p:sld>
</file>

<file path=ppt/theme/theme1.xml><?xml version="1.0" encoding="utf-8"?>
<a:theme xmlns:a="http://schemas.openxmlformats.org/drawingml/2006/main" name="De Nederlandsche Bank (2023)">
  <a:themeElements>
    <a:clrScheme name="De Nederlandsche Bank (2023)">
      <a:dk1>
        <a:sysClr val="windowText" lastClr="000000"/>
      </a:dk1>
      <a:lt1>
        <a:sysClr val="window" lastClr="FFFFFF"/>
      </a:lt1>
      <a:dk2>
        <a:srgbClr val="A4A6B2"/>
      </a:dk2>
      <a:lt2>
        <a:srgbClr val="FAFAFC"/>
      </a:lt2>
      <a:accent1>
        <a:srgbClr val="1226AA"/>
      </a:accent1>
      <a:accent2>
        <a:srgbClr val="3B54F5"/>
      </a:accent2>
      <a:accent3>
        <a:srgbClr val="FAAA00"/>
      </a:accent3>
      <a:accent4>
        <a:srgbClr val="FCC859"/>
      </a:accent4>
      <a:accent5>
        <a:srgbClr val="0C8754"/>
      </a:accent5>
      <a:accent6>
        <a:srgbClr val="4AD480"/>
      </a:accent6>
      <a:hlink>
        <a:srgbClr val="3B54F5"/>
      </a:hlink>
      <a:folHlink>
        <a:srgbClr val="73C2FA"/>
      </a:folHlink>
    </a:clrScheme>
    <a:fontScheme name="DNB">
      <a:majorFont>
        <a:latin typeface="Verdana"/>
        <a:ea typeface=""/>
        <a:cs typeface=""/>
      </a:majorFont>
      <a:minorFont>
        <a:latin typeface="Verdana"/>
        <a:ea typeface=""/>
        <a:cs typeface=""/>
      </a:minorFont>
    </a:fontScheme>
    <a:fmtScheme name="Kantoorthema">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DNB-Standaard_Presentatie.potx" id="{3D8167A5-888E-4A95-B8C5-5CB723F715B6}" vid="{5E4DA577-467E-4056-BD5F-387FCD8B9AEF}"/>
    </a:ext>
  </a:extLst>
</a:theme>
</file>

<file path=ppt/theme/theme2.xml><?xml version="1.0" encoding="utf-8"?>
<a:theme xmlns:a="http://schemas.openxmlformats.org/drawingml/2006/main" name="Kantoorthema">
  <a:themeElements>
    <a:clrScheme name="Kanto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antoor">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10.xml><?xml version="1.0" encoding="utf-8"?>
<TemplafySlideTemplateConfiguration><![CDATA[{"slideVersion":2,"isValidatorEnabled":false,"isLocked":false,"elementsMetadata":[],"slideId":"638097138413324547","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2,"isValidatorEnabled":false,"isLocked":false,"elementsMetadata":[],"slideId":"638097138413356288","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2,"isValidatorEnabled":false,"isLocked":false,"elementsMetadata":[],"slideId":"638097138413385565","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2,"isValidatorEnabled":false,"isLocked":false,"elementsMetadata":[],"slideId":"638097138413385565","enableDocumentContentUpdater":false,"version":"2.0"}]]></TemplafySlideTemplateConfiguration>
</file>

<file path=customXml/item17.xml><?xml version="1.0" encoding="utf-8"?>
<TemplafySlideTemplateConfiguration><![CDATA[{"slideVersion":2,"isValidatorEnabled":false,"isLocked":false,"elementsMetadata":[],"slideId":"638097138413419921","enableDocumentContentUpdater":false,"version":"2.0"}]]></TemplafySlideTemplateConfiguration>
</file>

<file path=customXml/item18.xml><?xml version="1.0" encoding="utf-8"?>
<TemplafySlideFormConfiguration><![CDATA[{"formFields":[],"formDataEntries":[]}]]></TemplafySlideFormConfiguration>
</file>

<file path=customXml/item2.xml><?xml version="1.0" encoding="utf-8"?>
<TemplafyTemplateConfiguration><![CDATA[{"elementsMetadata":[{"type":"shape","id":"272bf58f-dbb9-4296-912c-39c9e6c9a00d","elementConfiguration":{"binding":"{{FormatDateTime(Form.Datum, \"d MMMM yyyy\", \"nl-NL\")}}","visibility":"","type":"text","disableUpdates":false}},{"type":"shape","id":"d1dceb2b-99da-431a-8e48-a48b5be1d997","elementConfiguration":{"binding":"{{Form.NaamPresentatorEnOfInhoudelijkverantwoordelijke}}","visibility":"","type":"text","disableUpdates":false}},{"type":"shape","id":"ad29b2db-265e-4626-92b6-a8334cf07cca","elementConfiguration":{"binding":"{{FormatDateTime(Form.Datum, \"d MMMM yyyy\", \"nl-NL\")}}","visibility":"","type":"text","disableUpdates":false}},{"type":"shape","id":"0844041c-d48e-428e-9fbc-b4e927eef575","elementConfiguration":{"binding":"{{Form.NaamPresentatorEnOfInhoudelijkverantwoordelijke}}","visibility":"","type":"text","disableUpdates":false}},{"type":"shape","id":"bcb14dc9-5981-4690-b218-4b1a9244e4d8","elementConfiguration":{"binding":"{{FormatDateTime(Form.Datum, \"d MMMM yyyy\", \"nl-NL\")}}","visibility":"","type":"text","disableUpdates":false}},{"type":"shape","id":"67a1e648-f6dc-4094-b8b3-ff07592b0b05","elementConfiguration":{"binding":"{{Form.NaamPresentatorEnOfInhoudelijkverantwoordelijke}}","visibility":"","type":"text","disableUpdates":false}},{"type":"shape","id":"ade94cfd-9b26-43d5-9bb0-00508872f67a","elementConfiguration":{"binding":"{{FormatDateTime(Form.Datum, \"d MMMM yyyy\", \"nl-NL\")}}","visibility":"","type":"text","disableUpdates":false}},{"type":"shape","id":"8697c2e6-1810-41c1-bfb3-48ab64fb9e52","elementConfiguration":{"binding":"{{FormatDateTime(Form.Datum, \"d MMMM yyyy\", \"nl-NL\")}}","visibility":"","type":"text","disableUpdates":false}}],"transformationConfigurations":[],"templateName":"DNB PowerPoint-sjabloon (2023)","templateDescription":"","enableDocumentContentUpdater":false,"version":"2.0"}]]></TemplafyTemplateConfiguration>
</file>

<file path=customXml/item3.xml><?xml version="1.0" encoding="utf-8"?>
<TemplafyFormConfiguration><![CDATA[{"formFields":[{"required":false,"placeholder":"","lines":1,"defaultValue":"{{UserProfile.FullName}}","helpTexts":{},"spacing":{},"shareValue":false,"type":"textBox","name":"NaamPresentatorEnOfInhoudelijkverantwoordelijke","label":"Naam Presentator en/of inhoudelijkverantwoordelijke"},{"required":false,"helpTexts":{},"spacing":{},"shareValue":false,"type":"datePicker","name":"Datum","label":"Datum"}],"formDataEntries":[{"name":"NaamPresentatorEnOfInhoudelijkverantwoordelijke","value":"bj9TnWXaMG1Q7LpqQwltIw=="},{"name":"Datum","value":"8889GIsbU7VYurb/7Dl7Xg=="}]}]]></TemplafyFormConfiguration>
</file>

<file path=customXml/item4.xml><?xml version="1.0" encoding="utf-8"?>
<p:properties xmlns:p="http://schemas.microsoft.com/office/2006/metadata/properties" xmlns:xsi="http://www.w3.org/2001/XMLSchema-instance" xmlns:pc="http://schemas.microsoft.com/office/infopath/2007/PartnerControls">
  <documentManagement>
    <DNB_EmDate xmlns="fb51a7fe-95f9-4eb1-b1c2-92d633bae1a3" xsi:nil="true"/>
    <DNB_CCOntvanger xmlns="fb51a7fe-95f9-4eb1-b1c2-92d633bae1a3">
      <UserInfo>
        <DisplayName/>
        <AccountId xsi:nil="true"/>
        <AccountType/>
      </UserInfo>
    </DNB_CCOntvanger>
    <DNB_Opmerkingen xmlns="fb51a7fe-95f9-4eb1-b1c2-92d633bae1a3" xsi:nil="true"/>
    <DNB_Projectnaam xmlns="fb51a7fe-95f9-4eb1-b1c2-92d633bae1a3">Transitietoezicht</DNB_Projectnaam>
    <DNB_Show xmlns="fb51a7fe-95f9-4eb1-b1c2-92d633bae1a3">false</DNB_Show>
    <DNB_ProjectId xmlns="fb51a7fe-95f9-4eb1-b1c2-92d633bae1a3" xsi:nil="true"/>
    <DNB_Sjabloon xmlns="fb51a7fe-95f9-4eb1-b1c2-92d633bae1a3" xsi:nil="true"/>
    <DNB_EmFromName xmlns="fb51a7fe-95f9-4eb1-b1c2-92d633bae1a3" xsi:nil="true"/>
    <DNB_AuteurFix xmlns="fb51a7fe-95f9-4eb1-b1c2-92d633bae1a3">
      <UserInfo>
        <DisplayName/>
        <AccountId xsi:nil="true"/>
        <AccountType/>
      </UserInfo>
    </DNB_AuteurFix>
    <DNB_Distributie xmlns="fb51a7fe-95f9-4eb1-b1c2-92d633bae1a3">false</DNB_Distributie>
    <DNB_EmAttachmentNames xmlns="fb51a7fe-95f9-4eb1-b1c2-92d633bae1a3" xsi:nil="true"/>
    <DNB_Publiceren xmlns="fb51a7fe-95f9-4eb1-b1c2-92d633bae1a3">false</DNB_Publiceren>
    <DNB_EmCC xmlns="fb51a7fe-95f9-4eb1-b1c2-92d633bae1a3" xsi:nil="true"/>
    <f416c62b8084a6924c1caabc0cb60db6 xmlns="fb51a7fe-95f9-4eb1-b1c2-92d633bae1a3">
      <Terms xmlns="http://schemas.microsoft.com/office/infopath/2007/PartnerControls">
        <TermInfo xmlns="http://schemas.microsoft.com/office/infopath/2007/PartnerControls">
          <TermName xmlns="http://schemas.microsoft.com/office/infopath/2007/PartnerControls">Toezicht Pensioenfondsen</TermName>
          <TermId xmlns="http://schemas.microsoft.com/office/infopath/2007/PartnerControls">05fe169f-9af6-4139-8249-771375f7b69c</TermId>
        </TermInfo>
      </Terms>
    </f416c62b8084a6924c1caabc0cb60db6>
    <DNB_EmTo xmlns="fb51a7fe-95f9-4eb1-b1c2-92d633bae1a3" xsi:nil="true"/>
    <DNB_EmAttachCount xmlns="fb51a7fe-95f9-4eb1-b1c2-92d633bae1a3" xsi:nil="true"/>
    <TaxCatchAll xmlns="fb51a7fe-95f9-4eb1-b1c2-92d633bae1a3">
      <Value>5</Value>
      <Value>3</Value>
      <Value>1</Value>
    </TaxCatchAll>
    <m2811a07b6c6fd47188d63596ada41d4 xmlns="fb51a7fe-95f9-4eb1-b1c2-92d633bae1a3">
      <Terms xmlns="http://schemas.microsoft.com/office/infopath/2007/PartnerControls">
        <TermInfo xmlns="http://schemas.microsoft.com/office/infopath/2007/PartnerControls">
          <TermName xmlns="http://schemas.microsoft.com/office/infopath/2007/PartnerControls">Toezicht Pensioenfondsen</TermName>
          <TermId xmlns="http://schemas.microsoft.com/office/infopath/2007/PartnerControls">05fe169f-9af6-4139-8249-771375f7b69c</TermId>
        </TermInfo>
      </Terms>
    </m2811a07b6c6fd47188d63596ada41d4>
    <k87fa04bff4d9972ce4710608e39267c xmlns="fb51a7fe-95f9-4eb1-b1c2-92d633bae1a3">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DNB_Ontvanger xmlns="fb51a7fe-95f9-4eb1-b1c2-92d633bae1a3">
      <UserInfo>
        <DisplayName/>
        <AccountId xsi:nil="true"/>
        <AccountType/>
      </UserInfo>
    </DNB_Ontvanger>
    <_dlc_DocId xmlns="http://schemas.dnb.nl/sharepoint">P746-588764930-61</_dlc_DocId>
    <_dlc_DocIdUrl xmlns="http://schemas.dnb.nl/sharepoint">
      <Url>https://dnbnl.sharepoint.com/sites/PJ-TransitieToezicht1/_layouts/15/DocIdRedir.aspx?ID=P746-588764930-61</Url>
      <Description>P746-588764930-61</Description>
    </_dlc_DocIdUrl>
    <SharedWithUsers xmlns="fb51a7fe-95f9-4eb1-b1c2-92d633bae1a3">
      <UserInfo>
        <DisplayName>Boertje, B. (Bert) (TP_TP)</DisplayName>
        <AccountId>102</AccountId>
        <AccountType/>
      </UserInfo>
      <UserInfo>
        <DisplayName>Degelink, B. (Bas) (TP_ATP)</DisplayName>
        <AccountId>130</AccountId>
        <AccountType/>
      </UserInfo>
      <UserInfo>
        <DisplayName>Diris, B.F. (Bart) (TB_PV)</DisplayName>
        <AccountId>101</AccountId>
        <AccountType/>
      </UserInfo>
      <UserInfo>
        <DisplayName>Jonk, S.C. (Steven) (TP_ATPC)</DisplayName>
        <AccountId>161</AccountId>
        <AccountType/>
      </UserInfo>
      <UserInfo>
        <DisplayName>Boswinkel, M.H. (Michiel) (COM_COM)</DisplayName>
        <AccountId>327</AccountId>
        <AccountType/>
      </UserInfo>
      <UserInfo>
        <DisplayName>Boer, H.J. de (Hans) (TP_TIB)</DisplayName>
        <AccountId>144</AccountId>
        <AccountType/>
      </UserInfo>
      <UserInfo>
        <DisplayName>Kwast, H.L. van der (Henriëtte) (OSBE_FIKA)</DisplayName>
        <AccountId>434</AccountId>
        <AccountType/>
      </UserInfo>
    </SharedWithUser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ct:contentTypeSchema xmlns:ct="http://schemas.microsoft.com/office/2006/metadata/contentType" xmlns:ma="http://schemas.microsoft.com/office/2006/metadata/properties/metaAttributes" ct:_="" ma:_="" ma:contentTypeName="DNB Project Document" ma:contentTypeID="0x0101001A9AF98CE4D646E7BAD5E0A615FBC4570033574BA5F6F8485F80DD011BE7D1CFF9005FB6AE481D921440B6A207E3D0407AC0" ma:contentTypeVersion="19" ma:contentTypeDescription="Het Content Type â€œDNB Project Documentâ€ is afgeleid van het Content Type â€œDNB Documentâ€. Het is het standaard document op projectensites. Door de naam van het project, het project ID en een label als metagegeven toe te voegen, kunnen projectdocumenten beter gezocht en gefilterd worden." ma:contentTypeScope="" ma:versionID="1958166e96b5f3a0cf0a13be17453c5f">
  <xsd:schema xmlns:xsd="http://www.w3.org/2001/XMLSchema" xmlns:xs="http://www.w3.org/2001/XMLSchema" xmlns:p="http://schemas.microsoft.com/office/2006/metadata/properties" xmlns:ns2="http://schemas.dnb.nl/sharepoint" xmlns:ns3="fb51a7fe-95f9-4eb1-b1c2-92d633bae1a3" xmlns:ns4="bd9c60dd-4371-4fa3-afea-14e6d10cb7ef" targetNamespace="http://schemas.microsoft.com/office/2006/metadata/properties" ma:root="true" ma:fieldsID="60c940d35608b18d27c025e9a2d565d8" ns2:_="" ns3:_="" ns4:_="">
    <xsd:import namespace="http://schemas.dnb.nl/sharepoint"/>
    <xsd:import namespace="fb51a7fe-95f9-4eb1-b1c2-92d633bae1a3"/>
    <xsd:import namespace="bd9c60dd-4371-4fa3-afea-14e6d10cb7ef"/>
    <xsd:element name="properties">
      <xsd:complexType>
        <xsd:sequence>
          <xsd:element name="documentManagement">
            <xsd:complexType>
              <xsd:all>
                <xsd:element ref="ns2:_dlc_DocId" minOccurs="0"/>
                <xsd:element ref="ns2:_dlc_DocIdUrl" minOccurs="0"/>
                <xsd:element ref="ns3:_dlc_DocIdPersistId" minOccurs="0"/>
                <xsd:element ref="ns3:DNB_AuteurFix" minOccurs="0"/>
                <xsd:element ref="ns3:DNB_Ontvanger" minOccurs="0"/>
                <xsd:element ref="ns3:DNB_CCOntvanger" minOccurs="0"/>
                <xsd:element ref="ns3:DNB_Opmerkingen" minOccurs="0"/>
                <xsd:element ref="ns3:DNB_Sjabloon" minOccurs="0"/>
                <xsd:element ref="ns3:DNB_EmTo" minOccurs="0"/>
                <xsd:element ref="ns3:DNB_EmFromName" minOccurs="0"/>
                <xsd:element ref="ns3:DNB_EmCC" minOccurs="0"/>
                <xsd:element ref="ns3:DNB_EmDate" minOccurs="0"/>
                <xsd:element ref="ns3:DNB_EmAttachCount" minOccurs="0"/>
                <xsd:element ref="ns3:DNB_EmAttachmentNames" minOccurs="0"/>
                <xsd:element ref="ns3:DNB_Distributie" minOccurs="0"/>
                <xsd:element ref="ns3:DNB_Projectnaam"/>
                <xsd:element ref="ns3:DNB_ProjectId" minOccurs="0"/>
                <xsd:element ref="ns3:DNB_Publiceren" minOccurs="0"/>
                <xsd:element ref="ns3:DNB_Show"/>
                <xsd:element ref="ns3:TaxCatchAll" minOccurs="0"/>
                <xsd:element ref="ns3:TaxCatchAllLabel" minOccurs="0"/>
                <xsd:element ref="ns3:f416c62b8084a6924c1caabc0cb60db6" minOccurs="0"/>
                <xsd:element ref="ns3:m2811a07b6c6fd47188d63596ada41d4" minOccurs="0"/>
                <xsd:element ref="ns3:k87fa04bff4d9972ce4710608e39267c" minOccurs="0"/>
                <xsd:element ref="ns4:MediaServiceMetadata" minOccurs="0"/>
                <xsd:element ref="ns4:MediaServiceFastMetadata" minOccurs="0"/>
                <xsd:element ref="ns3:SharedWithUsers" minOccurs="0"/>
                <xsd:element ref="ns3:SharedWithDetails" minOccurs="0"/>
                <xsd:element ref="ns4:MediaServiceObjectDetectorVersions" minOccurs="0"/>
                <xsd:element ref="ns4: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b51a7fe-95f9-4eb1-b1c2-92d633bae1a3" elementFormDefault="qualified">
    <xsd:import namespace="http://schemas.microsoft.com/office/2006/documentManagement/types"/>
    <xsd:import namespace="http://schemas.microsoft.com/office/infopath/2007/PartnerControls"/>
    <xsd:element name="_dlc_DocIdPersistId" ma:index="10" nillable="true" ma:displayName="Persist ID" ma:description="Keep ID on add." ma:hidden="true" ma:internalName="_dlc_DocIdPersistId" ma:readOnly="true">
      <xsd:simpleType>
        <xsd:restriction base="dms:Boolean"/>
      </xsd:simpleType>
    </xsd:element>
    <xsd:element name="DNB_AuteurFix" ma:index="14" nillable="true" ma:displayName="Author" ma:SearchPeopleOnly="false" ma:internalName="DNB_AuteurFix">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5" nillable="true" ma:displayName="Recipient" ma:SearchPeopleOnly="false" ma:internalName="DNB_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6" nillable="true" ma:displayName="CC Recipient" ma:SearchPeopleOnly="false" ma:internalName="DNB_CC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7" nillable="true" ma:displayName="Remarks" ma:hidden="true" ma:internalName="DNB_Opmerkingen">
      <xsd:simpleType>
        <xsd:restriction base="dms:Note"/>
      </xsd:simpleType>
    </xsd:element>
    <xsd:element name="DNB_Sjabloon" ma:index="18" nillable="true" ma:displayName="Sjabloon" ma:hidden="true" ma:internalName="DNB_Sjabloon">
      <xsd:simpleType>
        <xsd:restriction base="dms:Text"/>
      </xsd:simpleType>
    </xsd:element>
    <xsd:element name="DNB_EmTo" ma:index="19" nillable="true" ma:displayName="E-mail To" ma:hidden="true" ma:internalName="DNB_EmTo">
      <xsd:simpleType>
        <xsd:restriction base="dms:Note">
          <xsd:maxLength value="255"/>
        </xsd:restriction>
      </xsd:simpleType>
    </xsd:element>
    <xsd:element name="DNB_EmFromName" ma:index="20" nillable="true" ma:displayName="E-mail From Name" ma:hidden="true" ma:internalName="DNB_EmFromName">
      <xsd:simpleType>
        <xsd:restriction base="dms:Text"/>
      </xsd:simpleType>
    </xsd:element>
    <xsd:element name="DNB_EmCC" ma:index="21" nillable="true" ma:displayName="E-mail CC" ma:hidden="true" ma:internalName="DNB_EmCC">
      <xsd:simpleType>
        <xsd:restriction base="dms:Note">
          <xsd:maxLength value="255"/>
        </xsd:restriction>
      </xsd:simpleType>
    </xsd:element>
    <xsd:element name="DNB_EmDate" ma:index="22" nillable="true" ma:displayName="E-mail Date" ma:hidden="true" ma:internalName="DNB_EmDate">
      <xsd:simpleType>
        <xsd:restriction base="dms:DateTime"/>
      </xsd:simpleType>
    </xsd:element>
    <xsd:element name="DNB_EmAttachCount" ma:index="23" nillable="true" ma:displayName="E-mail Attachment Count" ma:hidden="true" ma:internalName="DNB_EmAttachCount">
      <xsd:simpleType>
        <xsd:restriction base="dms:Text"/>
      </xsd:simpleType>
    </xsd:element>
    <xsd:element name="DNB_EmAttachmentNames" ma:index="24" nillable="true" ma:displayName="E-mail Attachment Names" ma:hidden="true" ma:internalName="DNB_EmAttachmentNames">
      <xsd:simpleType>
        <xsd:restriction base="dms:Note">
          <xsd:maxLength value="255"/>
        </xsd:restriction>
      </xsd:simpleType>
    </xsd:element>
    <xsd:element name="DNB_Distributie" ma:index="25" nillable="true" ma:displayName="Distributie" ma:default="False" ma:internalName="DNB_Distributie">
      <xsd:simpleType>
        <xsd:restriction base="dms:Boolean"/>
      </xsd:simpleType>
    </xsd:element>
    <xsd:element name="DNB_Projectnaam" ma:index="26" ma:displayName="Project Name" ma:default="Transitietoezicht" ma:internalName="DNB_Projectnaam" ma:readOnly="false">
      <xsd:simpleType>
        <xsd:restriction base="dms:Text"/>
      </xsd:simpleType>
    </xsd:element>
    <xsd:element name="DNB_ProjectId" ma:index="27" nillable="true" ma:displayName="Project ID" ma:default="" ma:internalName="DNB_ProjectId">
      <xsd:simpleType>
        <xsd:restriction base="dms:Text"/>
      </xsd:simpleType>
    </xsd:element>
    <xsd:element name="DNB_Publiceren" ma:index="28" nillable="true" ma:displayName="Publish" ma:default="False" ma:internalName="DNB_Publiceren">
      <xsd:simpleType>
        <xsd:restriction base="dms:Boolean"/>
      </xsd:simpleType>
    </xsd:element>
    <xsd:element name="DNB_Show" ma:index="29" ma:displayName="Show" ma:default="True" ma:description="A boolean value that indicates if a listitem is showed in the default view" ma:internalName="DNB_Show">
      <xsd:simpleType>
        <xsd:restriction base="dms:Boolean"/>
      </xsd:simpleType>
    </xsd:element>
    <xsd:element name="TaxCatchAll" ma:index="30" nillable="true" ma:displayName="Taxonomy Catch All Column" ma:hidden="true" ma:list="{d8d70970-b862-431b-aad3-b07e3ad47d6e}" ma:internalName="TaxCatchAll" ma:showField="CatchAllData" ma:web="fb51a7fe-95f9-4eb1-b1c2-92d633bae1a3">
      <xsd:complexType>
        <xsd:complexContent>
          <xsd:extension base="dms:MultiChoiceLookup">
            <xsd:sequence>
              <xsd:element name="Value" type="dms:Lookup" maxOccurs="unbounded" minOccurs="0" nillable="true"/>
            </xsd:sequence>
          </xsd:extension>
        </xsd:complexContent>
      </xsd:complexType>
    </xsd:element>
    <xsd:element name="TaxCatchAllLabel" ma:index="31" nillable="true" ma:displayName="Taxonomy Catch All Column1" ma:hidden="true" ma:list="{d8d70970-b862-431b-aad3-b07e3ad47d6e}" ma:internalName="TaxCatchAllLabel" ma:readOnly="true" ma:showField="CatchAllDataLabel" ma:web="fb51a7fe-95f9-4eb1-b1c2-92d633bae1a3">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32" nillable="true" ma:taxonomy="true" ma:internalName="f416c62b8084a6924c1caabc0cb60db6" ma:taxonomyFieldName="DNB_Divisie" ma:displayName="Division" ma:default="1;#Toezicht Pensioenfondsen|05fe169f-9af6-4139-8249-771375f7b69c" ma:fieldId="{f416c62b-8084-a692-4c1c-aabc0cb60db6}" ma:sspId="b8135cd8-dd77-44d6-bdcc-adbf336672a2" ma:termSetId="f1bb8585-b79d-427a-822a-3c18649c7534" ma:anchorId="00000000-0000-0000-0000-000000000000" ma:open="true" ma:isKeyword="false">
      <xsd:complexType>
        <xsd:sequence>
          <xsd:element ref="pc:Terms" minOccurs="0" maxOccurs="1"/>
        </xsd:sequence>
      </xsd:complexType>
    </xsd:element>
    <xsd:element name="m2811a07b6c6fd47188d63596ada41d4" ma:index="33" nillable="true" ma:taxonomy="true" ma:internalName="m2811a07b6c6fd47188d63596ada41d4" ma:taxonomyFieldName="DNB_Afdeling" ma:displayName="Department" ma:default="1;#Toezicht Pensioenfondsen|05fe169f-9af6-4139-8249-771375f7b69c" ma:fieldId="{62811a07-b6c6-fd47-188d-63596ada41d4}" ma:sspId="b8135cd8-dd77-44d6-bdcc-adbf336672a2" ma:termSetId="f1bb8585-b79d-427a-822a-3c18649c7534" ma:anchorId="00000000-0000-0000-0000-000000000000" ma:open="true" ma:isKeyword="false">
      <xsd:complexType>
        <xsd:sequence>
          <xsd:element ref="pc:Terms" minOccurs="0" maxOccurs="1"/>
        </xsd:sequence>
      </xsd:complexType>
    </xsd:element>
    <xsd:element name="k87fa04bff4d9972ce4710608e39267c" ma:index="34" ma:taxonomy="true" ma:internalName="k87fa04bff4d9972ce4710608e39267c" ma:taxonomyFieldName="DNB_ProjectLabel" ma:displayName="DNB Label" ma:readOnly="false"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SharedWithUsers" ma:index="3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8"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d9c60dd-4371-4fa3-afea-14e6d10cb7ef" elementFormDefault="qualified">
    <xsd:import namespace="http://schemas.microsoft.com/office/2006/documentManagement/types"/>
    <xsd:import namespace="http://schemas.microsoft.com/office/infopath/2007/PartnerControls"/>
    <xsd:element name="MediaServiceMetadata" ma:index="35" nillable="true" ma:displayName="MediaServiceMetadata" ma:hidden="true" ma:internalName="MediaServiceMetadata" ma:readOnly="true">
      <xsd:simpleType>
        <xsd:restriction base="dms:Note"/>
      </xsd:simpleType>
    </xsd:element>
    <xsd:element name="MediaServiceFastMetadata" ma:index="36" nillable="true" ma:displayName="MediaServiceFastMetadata" ma:hidden="true" ma:internalName="MediaServiceFastMetadata" ma:readOnly="true">
      <xsd:simpleType>
        <xsd:restriction base="dms:Note"/>
      </xsd:simpleType>
    </xsd:element>
    <xsd:element name="MediaServiceObjectDetectorVersions" ma:index="39" nillable="true" ma:displayName="MediaServiceObjectDetectorVersions" ma:hidden="true" ma:indexed="true" ma:internalName="MediaServiceObjectDetectorVersions" ma:readOnly="true">
      <xsd:simpleType>
        <xsd:restriction base="dms:Text"/>
      </xsd:simpleType>
    </xsd:element>
    <xsd:element name="MediaServiceSearchProperties" ma:index="4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FormConfiguration><![CDATA[{"formFields":[{"required":false,"placeholder":"","lines":1,"defaultValue":"{{UserProfile.FullName}}","helpTexts":{},"spacing":{},"shareValue":false,"type":"textBox","name":"NaamPresentatorEnOfInhoudelijkverantwoordelijke","label":"Naam Presentator en/of inhoudelijkverantwoordelijke"},{"required":false,"helpTexts":{},"spacing":{},"shareValue":false,"type":"datePicker","name":"Datum","label":"Datum"}],"formDataEntries":[]}]]></TemplafySlideFormConfiguration>
</file>

<file path=customXml/item8.xml><?xml version="1.0" encoding="utf-8"?>
<TemplafySlideTemplateConfiguration><![CDATA[{"slideVersion":2,"isValidatorEnabled":false,"isLocked":false,"elementsMetadata":[{"type":"shape","elementConfiguration":{"binding":"{{FormatDateTime(Form.Datum, \"d MMMM yyyy\", \"nl-NL\")}}","visibility":"","type":"text","disableUpdates":false}},{"type":"shape","elementConfiguration":{"binding":"{{Form.NaamPresentatorEnOfInhoudelijkverantwoordelijke}}","visibility":"","type":"text","disableUpdates":false}}],"slideId":"638097138413296901","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A3D9819-539F-4DD3-9663-24B872C4AE32}">
  <ds:schemaRefs>
    <ds:schemaRef ds:uri="http://schemas.microsoft.com/sharepoint/events"/>
  </ds:schemaRefs>
</ds:datastoreItem>
</file>

<file path=customXml/itemProps10.xml><?xml version="1.0" encoding="utf-8"?>
<ds:datastoreItem xmlns:ds="http://schemas.openxmlformats.org/officeDocument/2006/customXml" ds:itemID="{4B03C018-E96F-4B9A-981B-28B2880D507E}">
  <ds:schemaRefs/>
</ds:datastoreItem>
</file>

<file path=customXml/itemProps11.xml><?xml version="1.0" encoding="utf-8"?>
<ds:datastoreItem xmlns:ds="http://schemas.openxmlformats.org/officeDocument/2006/customXml" ds:itemID="{C54C333F-3E39-4DB5-8912-EEBF8850AAAA}">
  <ds:schemaRefs/>
</ds:datastoreItem>
</file>

<file path=customXml/itemProps12.xml><?xml version="1.0" encoding="utf-8"?>
<ds:datastoreItem xmlns:ds="http://schemas.openxmlformats.org/officeDocument/2006/customXml" ds:itemID="{130EB253-E362-42CD-8009-58C4CBFF760D}">
  <ds:schemaRefs/>
</ds:datastoreItem>
</file>

<file path=customXml/itemProps13.xml><?xml version="1.0" encoding="utf-8"?>
<ds:datastoreItem xmlns:ds="http://schemas.openxmlformats.org/officeDocument/2006/customXml" ds:itemID="{42D980DE-3949-475E-9166-2CAC5927F14A}">
  <ds:schemaRefs/>
</ds:datastoreItem>
</file>

<file path=customXml/itemProps14.xml><?xml version="1.0" encoding="utf-8"?>
<ds:datastoreItem xmlns:ds="http://schemas.openxmlformats.org/officeDocument/2006/customXml" ds:itemID="{DE0EABE9-FFBB-45C8-9E06-014AFE217E49}">
  <ds:schemaRefs/>
</ds:datastoreItem>
</file>

<file path=customXml/itemProps15.xml><?xml version="1.0" encoding="utf-8"?>
<ds:datastoreItem xmlns:ds="http://schemas.openxmlformats.org/officeDocument/2006/customXml" ds:itemID="{847018DA-10EE-499D-A8B4-1D334150D604}">
  <ds:schemaRefs/>
</ds:datastoreItem>
</file>

<file path=customXml/itemProps16.xml><?xml version="1.0" encoding="utf-8"?>
<ds:datastoreItem xmlns:ds="http://schemas.openxmlformats.org/officeDocument/2006/customXml" ds:itemID="{EF5CE087-4159-475A-83D6-3DCFD813CC94}">
  <ds:schemaRefs/>
</ds:datastoreItem>
</file>

<file path=customXml/itemProps17.xml><?xml version="1.0" encoding="utf-8"?>
<ds:datastoreItem xmlns:ds="http://schemas.openxmlformats.org/officeDocument/2006/customXml" ds:itemID="{7EA84EDD-E8E3-4887-85B4-86A41D4A7554}">
  <ds:schemaRefs/>
</ds:datastoreItem>
</file>

<file path=customXml/itemProps18.xml><?xml version="1.0" encoding="utf-8"?>
<ds:datastoreItem xmlns:ds="http://schemas.openxmlformats.org/officeDocument/2006/customXml" ds:itemID="{8C9B1090-AA15-4F32-B742-06B5F4ABA724}">
  <ds:schemaRefs/>
</ds:datastoreItem>
</file>

<file path=customXml/itemProps2.xml><?xml version="1.0" encoding="utf-8"?>
<ds:datastoreItem xmlns:ds="http://schemas.openxmlformats.org/officeDocument/2006/customXml" ds:itemID="{E00ECDCE-5079-47E1-9724-204E3E87B425}">
  <ds:schemaRefs/>
</ds:datastoreItem>
</file>

<file path=customXml/itemProps3.xml><?xml version="1.0" encoding="utf-8"?>
<ds:datastoreItem xmlns:ds="http://schemas.openxmlformats.org/officeDocument/2006/customXml" ds:itemID="{80F4265C-BBA1-4F23-9536-FBE34E9D938C}">
  <ds:schemaRefs/>
</ds:datastoreItem>
</file>

<file path=customXml/itemProps4.xml><?xml version="1.0" encoding="utf-8"?>
<ds:datastoreItem xmlns:ds="http://schemas.openxmlformats.org/officeDocument/2006/customXml" ds:itemID="{F320FA6E-5F2D-45C9-AE36-17C3F52F3B16}">
  <ds:schemaRefs>
    <ds:schemaRef ds:uri="fb51a7fe-95f9-4eb1-b1c2-92d633bae1a3"/>
    <ds:schemaRef ds:uri="http://purl.org/dc/elements/1.1/"/>
    <ds:schemaRef ds:uri="http://schemas.microsoft.com/office/2006/documentManagement/types"/>
    <ds:schemaRef ds:uri="http://schemas.dnb.nl/sharepoint"/>
    <ds:schemaRef ds:uri="http://schemas.microsoft.com/office/infopath/2007/PartnerControls"/>
    <ds:schemaRef ds:uri="http://www.w3.org/XML/1998/namespace"/>
    <ds:schemaRef ds:uri="http://purl.org/dc/terms/"/>
    <ds:schemaRef ds:uri="http://purl.org/dc/dcmitype/"/>
    <ds:schemaRef ds:uri="http://schemas.openxmlformats.org/package/2006/metadata/core-properties"/>
    <ds:schemaRef ds:uri="bd9c60dd-4371-4fa3-afea-14e6d10cb7ef"/>
    <ds:schemaRef ds:uri="http://schemas.microsoft.com/office/2006/metadata/properties"/>
  </ds:schemaRefs>
</ds:datastoreItem>
</file>

<file path=customXml/itemProps5.xml><?xml version="1.0" encoding="utf-8"?>
<ds:datastoreItem xmlns:ds="http://schemas.openxmlformats.org/officeDocument/2006/customXml" ds:itemID="{6FB50EAF-85F9-4BB6-AF25-CD110D2224D3}">
  <ds:schemaRefs>
    <ds:schemaRef ds:uri="http://schemas.microsoft.com/sharepoint/v3/contenttype/forms"/>
  </ds:schemaRefs>
</ds:datastoreItem>
</file>

<file path=customXml/itemProps6.xml><?xml version="1.0" encoding="utf-8"?>
<ds:datastoreItem xmlns:ds="http://schemas.openxmlformats.org/officeDocument/2006/customXml" ds:itemID="{B0347852-C208-47DF-BECC-E32EA778840D}">
  <ds:schemaRefs>
    <ds:schemaRef ds:uri="bd9c60dd-4371-4fa3-afea-14e6d10cb7ef"/>
    <ds:schemaRef ds:uri="fb51a7fe-95f9-4eb1-b1c2-92d633bae1a3"/>
    <ds:schemaRef ds:uri="http://purl.org/dc/elements/1.1/"/>
    <ds:schemaRef ds:uri="http://purl.org/dc/terms/"/>
    <ds:schemaRef ds:uri="http://schemas.dnb.nl/sharepoint"/>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7.xml><?xml version="1.0" encoding="utf-8"?>
<ds:datastoreItem xmlns:ds="http://schemas.openxmlformats.org/officeDocument/2006/customXml" ds:itemID="{4E6F4849-4F91-426B-888E-12067969BD58}">
  <ds:schemaRefs/>
</ds:datastoreItem>
</file>

<file path=customXml/itemProps8.xml><?xml version="1.0" encoding="utf-8"?>
<ds:datastoreItem xmlns:ds="http://schemas.openxmlformats.org/officeDocument/2006/customXml" ds:itemID="{596BD79C-479E-434C-A815-2D61F0524016}">
  <ds:schemaRefs/>
</ds:datastoreItem>
</file>

<file path=customXml/itemProps9.xml><?xml version="1.0" encoding="utf-8"?>
<ds:datastoreItem xmlns:ds="http://schemas.openxmlformats.org/officeDocument/2006/customXml" ds:itemID="{8F57F050-CA89-4F9D-A61C-E63790722CEE}">
  <ds:schemaRefs/>
</ds:datastoreItem>
</file>

<file path=docMetadata/LabelInfo.xml><?xml version="1.0" encoding="utf-8"?>
<clbl:labelList xmlns:clbl="http://schemas.microsoft.com/office/2020/mipLabelMetadata">
  <clbl:label id="{fa50054c-3b1c-47aa-aa28-890ddd3f58e8}" enabled="1" method="Privileged" siteId="{9ecbd628-0072-405d-8567-32c6750b0d3e}" contentBits="1" removed="0"/>
</clbl:labelList>
</file>

<file path=docProps/app.xml><?xml version="1.0" encoding="utf-8"?>
<Properties xmlns="http://schemas.openxmlformats.org/officeDocument/2006/extended-properties" xmlns:vt="http://schemas.openxmlformats.org/officeDocument/2006/docPropsVTypes">
  <Template>DNB-Standaard_Presentatie</Template>
  <TotalTime>0</TotalTime>
  <Words>120</Words>
  <Application>Microsoft Office PowerPoint</Application>
  <PresentationFormat>Diavoorstelling (16:9)</PresentationFormat>
  <Paragraphs>47</Paragraphs>
  <Slides>6</Slides>
  <Notes>6</Notes>
  <HiddenSlides>0</HiddenSlides>
  <MMClips>0</MMClips>
  <ScaleCrop>false</ScaleCrop>
  <HeadingPairs>
    <vt:vector size="6" baseType="variant">
      <vt:variant>
        <vt:lpstr>Gebruikte lettertypen</vt:lpstr>
      </vt:variant>
      <vt:variant>
        <vt:i4>6</vt:i4>
      </vt:variant>
      <vt:variant>
        <vt:lpstr>Thema</vt:lpstr>
      </vt:variant>
      <vt:variant>
        <vt:i4>1</vt:i4>
      </vt:variant>
      <vt:variant>
        <vt:lpstr>Diatitels</vt:lpstr>
      </vt:variant>
      <vt:variant>
        <vt:i4>6</vt:i4>
      </vt:variant>
    </vt:vector>
  </HeadingPairs>
  <TitlesOfParts>
    <vt:vector size="13" baseType="lpstr">
      <vt:lpstr>-apple-system</vt:lpstr>
      <vt:lpstr>Arial</vt:lpstr>
      <vt:lpstr>Calibri</vt:lpstr>
      <vt:lpstr>DNB-Fedra</vt:lpstr>
      <vt:lpstr>Verdana</vt:lpstr>
      <vt:lpstr>Wingdings</vt:lpstr>
      <vt:lpstr>De Nederlandsche Bank (2023)</vt:lpstr>
      <vt:lpstr>PowerPoint-presentatie</vt:lpstr>
      <vt:lpstr>Hulpmiddelen bij een soepele transitie</vt:lpstr>
      <vt:lpstr>Het traject van een invaarmelding</vt:lpstr>
      <vt:lpstr>Invaarmeldingen: feiten en cijfers</vt:lpstr>
      <vt:lpstr>Invaarmeldingen: de leercurve in de praktijk </vt:lpstr>
      <vt:lpstr>Titel van de dia</vt:lpstr>
    </vt:vector>
  </TitlesOfParts>
  <Company>De Nederlandsche Ban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Kwast, H.L. van der (Henriëtte) (TP_ATPC)</dc:creator>
  <cp:lastModifiedBy>Kwast, H.L. van der (Henriëtte) (TP_ATPC)</cp:lastModifiedBy>
  <cp:revision>1</cp:revision>
  <dcterms:created xsi:type="dcterms:W3CDTF">2024-02-15T10:32:35Z</dcterms:created>
  <dcterms:modified xsi:type="dcterms:W3CDTF">2024-03-11T16:39:1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A9AF98CE4D646E7BAD5E0A615FBC4570033574BA5F6F8485F80DD011BE7D1CFF9005FB6AE481D921440B6A207E3D0407AC0</vt:lpwstr>
  </property>
  <property fmtid="{D5CDD505-2E9C-101B-9397-08002B2CF9AE}" pid="3" name="ClassificationContentMarkingHeaderLocations">
    <vt:lpwstr>De Nederlandsche Bank (2023):4</vt:lpwstr>
  </property>
  <property fmtid="{D5CDD505-2E9C-101B-9397-08002B2CF9AE}" pid="4" name="ClassificationContentMarkingHeaderText">
    <vt:lpwstr>| DNB UNRESTRICTED |</vt:lpwstr>
  </property>
  <property fmtid="{D5CDD505-2E9C-101B-9397-08002B2CF9AE}" pid="5" name="TemplafyTimeStamp">
    <vt:lpwstr>2023-12-12T08:28:28</vt:lpwstr>
  </property>
  <property fmtid="{D5CDD505-2E9C-101B-9397-08002B2CF9AE}" pid="6" name="TemplafyTenantId">
    <vt:lpwstr>dnb</vt:lpwstr>
  </property>
  <property fmtid="{D5CDD505-2E9C-101B-9397-08002B2CF9AE}" pid="7" name="TemplafyTemplateId">
    <vt:lpwstr>638096488890096981</vt:lpwstr>
  </property>
  <property fmtid="{D5CDD505-2E9C-101B-9397-08002B2CF9AE}" pid="8" name="TemplafyUserProfileId">
    <vt:lpwstr>637622711298947029</vt:lpwstr>
  </property>
  <property fmtid="{D5CDD505-2E9C-101B-9397-08002B2CF9AE}" pid="9" name="TemplafyFromBlank">
    <vt:bool>false</vt:bool>
  </property>
  <property fmtid="{D5CDD505-2E9C-101B-9397-08002B2CF9AE}" pid="10" name="lda0e043566dcacd3d66b94d90c3f946">
    <vt:lpwstr>Lopend|9178452f-7c5d-4617-8a9d-cb6cbffbcbfc</vt:lpwstr>
  </property>
  <property fmtid="{D5CDD505-2E9C-101B-9397-08002B2CF9AE}" pid="11" name="DNB_Divisie">
    <vt:lpwstr>1;#Toezicht Pensioenfondsen|05fe169f-9af6-4139-8249-771375f7b69c</vt:lpwstr>
  </property>
  <property fmtid="{D5CDD505-2E9C-101B-9397-08002B2CF9AE}" pid="12" name="_dlc_DocIdItemGuid">
    <vt:lpwstr>9df13b80-32ba-4423-a83a-692e5202a4e1</vt:lpwstr>
  </property>
  <property fmtid="{D5CDD505-2E9C-101B-9397-08002B2CF9AE}" pid="13" name="DNB_Afdeling">
    <vt:lpwstr>1;#Toezicht Pensioenfondsen|05fe169f-9af6-4139-8249-771375f7b69c</vt:lpwstr>
  </property>
  <property fmtid="{D5CDD505-2E9C-101B-9397-08002B2CF9AE}" pid="14" name="DNB_Status">
    <vt:lpwstr>3;#Lopend|9178452f-7c5d-4617-8a9d-cb6cbffbcbfc</vt:lpwstr>
  </property>
  <property fmtid="{D5CDD505-2E9C-101B-9397-08002B2CF9AE}" pid="15" name="DNB_ProjectLabel">
    <vt:lpwstr>5;#Projecten|6b72ff99-9c37-4a58-86d6-c50d28db3af0</vt:lpwstr>
  </property>
</Properties>
</file>